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"/>
    </mc:Choice>
  </mc:AlternateContent>
  <bookViews>
    <workbookView xWindow="0" yWindow="0" windowWidth="20460" windowHeight="7725"/>
  </bookViews>
  <sheets>
    <sheet name="Sheet1" sheetId="6" r:id="rId1"/>
  </sheets>
  <definedNames>
    <definedName name="ﾀｲﾄﾙ列">#REF!</definedName>
    <definedName name="印刷範囲">#REF!</definedName>
  </definedNames>
  <calcPr calcId="145621"/>
</workbook>
</file>

<file path=xl/sharedStrings.xml><?xml version="1.0" encoding="utf-8"?>
<sst xmlns="http://schemas.openxmlformats.org/spreadsheetml/2006/main" count="1905" uniqueCount="1399">
  <si>
    <t>690-0883</t>
  </si>
  <si>
    <t>松江市北田町273</t>
    <rPh sb="3" eb="6">
      <t>キタタマチ</t>
    </rPh>
    <phoneticPr fontId="1"/>
  </si>
  <si>
    <t>0852-27-5680</t>
  </si>
  <si>
    <t>(21-8710)</t>
  </si>
  <si>
    <t>690-0888</t>
  </si>
  <si>
    <t>松江市北堀町43</t>
  </si>
  <si>
    <t>0852-26-4437</t>
  </si>
  <si>
    <t>(21-4407)</t>
  </si>
  <si>
    <t>690-0851</t>
  </si>
  <si>
    <t>松江市堂形町614</t>
    <rPh sb="3" eb="6">
      <t>ドウガタチョウ</t>
    </rPh>
    <phoneticPr fontId="1"/>
  </si>
  <si>
    <t>0852-26-2659</t>
  </si>
  <si>
    <t>(21-5265)</t>
  </si>
  <si>
    <t>690-0065</t>
  </si>
  <si>
    <t>松江市灘町1-57</t>
  </si>
  <si>
    <t>0852-22-7147</t>
  </si>
  <si>
    <t>(21-7572)</t>
  </si>
  <si>
    <t>690-0001</t>
  </si>
  <si>
    <t>松江市東朝日町49</t>
  </si>
  <si>
    <t>0852-21-3432</t>
  </si>
  <si>
    <t>(21-3717)</t>
  </si>
  <si>
    <t>690-0056</t>
  </si>
  <si>
    <t>0852-23-8179</t>
  </si>
  <si>
    <t>(21-8120)</t>
  </si>
  <si>
    <t>690-0011</t>
  </si>
  <si>
    <t>松江市東津田町1189-1</t>
  </si>
  <si>
    <t>0852-26-4962</t>
  </si>
  <si>
    <t>(21-4661)</t>
  </si>
  <si>
    <t>690-0012</t>
  </si>
  <si>
    <t>松江市古志原4-6-30</t>
  </si>
  <si>
    <t>0852-26-4436</t>
  </si>
  <si>
    <t>(21-4446)</t>
  </si>
  <si>
    <t>690-0823</t>
  </si>
  <si>
    <t>松江市西川津町3405-5</t>
  </si>
  <si>
    <t>0852-21-2349</t>
  </si>
  <si>
    <t>(31-8510)</t>
  </si>
  <si>
    <t>690-0834</t>
  </si>
  <si>
    <t>松江市朝酌町92-1</t>
  </si>
  <si>
    <t>0852-39-0646</t>
  </si>
  <si>
    <t>(39-0690)</t>
  </si>
  <si>
    <t>690-0863</t>
  </si>
  <si>
    <t>松江市比津町308-4</t>
    <rPh sb="3" eb="4">
      <t>ヒ</t>
    </rPh>
    <rPh sb="4" eb="5">
      <t>ヅ</t>
    </rPh>
    <rPh sb="5" eb="6">
      <t>チョウ</t>
    </rPh>
    <phoneticPr fontId="2"/>
  </si>
  <si>
    <t>0852-21-4966</t>
  </si>
  <si>
    <t>(21-5509)</t>
  </si>
  <si>
    <t>690-0025</t>
  </si>
  <si>
    <t>松江市八幡町279-1</t>
  </si>
  <si>
    <t>0852-37-0854</t>
  </si>
  <si>
    <t>(37-2984)</t>
  </si>
  <si>
    <t>690-0044</t>
  </si>
  <si>
    <t>松江市浜乃木5-1-5</t>
  </si>
  <si>
    <t>0852-21-4931</t>
  </si>
  <si>
    <t>(21-4553)</t>
  </si>
  <si>
    <t>690-0036</t>
  </si>
  <si>
    <t>松江市東忌部町899</t>
  </si>
  <si>
    <t>0852-33-2010</t>
  </si>
  <si>
    <t>(33-2275)</t>
  </si>
  <si>
    <t>690-0033</t>
  </si>
  <si>
    <t>松江市大庭町805-3</t>
  </si>
  <si>
    <t>0852-24-8733</t>
  </si>
  <si>
    <t>(21-8766)</t>
  </si>
  <si>
    <t>690-0865</t>
  </si>
  <si>
    <t>松江市西生馬町8</t>
  </si>
  <si>
    <t>0852-36-8234</t>
  </si>
  <si>
    <t>(36-6121)</t>
  </si>
  <si>
    <t>690-0814</t>
  </si>
  <si>
    <t>松江市東持田町61</t>
  </si>
  <si>
    <t>0852-21-3067</t>
  </si>
  <si>
    <t>(21-8770)</t>
  </si>
  <si>
    <t>690-0151</t>
  </si>
  <si>
    <t>松江市古曽志町1517-3</t>
    <rPh sb="3" eb="6">
      <t>コソシ</t>
    </rPh>
    <phoneticPr fontId="2"/>
  </si>
  <si>
    <t>0852-36-8054</t>
  </si>
  <si>
    <t>(36-6116)</t>
  </si>
  <si>
    <t>690-1101</t>
  </si>
  <si>
    <t>松江市本庄町463-3</t>
  </si>
  <si>
    <t>0852-34-0504</t>
  </si>
  <si>
    <t>(34-1671)</t>
  </si>
  <si>
    <t>690-0265</t>
  </si>
  <si>
    <t>松江市上大野町1855-1</t>
  </si>
  <si>
    <t>0852-88-2051</t>
  </si>
  <si>
    <t>(88-3186)</t>
  </si>
  <si>
    <t>690-0262</t>
  </si>
  <si>
    <t>松江市岡本町70</t>
  </si>
  <si>
    <t>0852-88-2001</t>
  </si>
  <si>
    <t>(88-3207)</t>
  </si>
  <si>
    <t>( 同左 )</t>
    <rPh sb="2" eb="4">
      <t>ドウサ</t>
    </rPh>
    <phoneticPr fontId="2"/>
  </si>
  <si>
    <t>690-0401</t>
  </si>
  <si>
    <t>松江市島根町加賀1414</t>
    <rPh sb="6" eb="8">
      <t>カガ</t>
    </rPh>
    <phoneticPr fontId="1"/>
  </si>
  <si>
    <t>0852-85-2301</t>
  </si>
  <si>
    <t>(85-2302)</t>
  </si>
  <si>
    <t>690-1313</t>
  </si>
  <si>
    <t>松江市美保関町下宇部尾556-1</t>
  </si>
  <si>
    <t>0852-72-3624</t>
  </si>
  <si>
    <t>(72-2321)</t>
  </si>
  <si>
    <t>690-1311</t>
  </si>
  <si>
    <t>松江市美保関町七類1315-2</t>
  </si>
  <si>
    <t>690-2103</t>
  </si>
  <si>
    <t>0852-54-2478</t>
  </si>
  <si>
    <t>(54-1238)</t>
  </si>
  <si>
    <t>699-0202</t>
  </si>
  <si>
    <t>0852-62-9111</t>
  </si>
  <si>
    <t>(55-5793)</t>
  </si>
  <si>
    <t>宍道公民館</t>
    <rPh sb="0" eb="2">
      <t>シンジ</t>
    </rPh>
    <rPh sb="2" eb="5">
      <t>コウミンカン</t>
    </rPh>
    <phoneticPr fontId="1"/>
  </si>
  <si>
    <t>0852-66-0811</t>
  </si>
  <si>
    <t>(66-0303)</t>
  </si>
  <si>
    <t>八束公民館</t>
    <rPh sb="0" eb="2">
      <t>ヤツカ</t>
    </rPh>
    <rPh sb="2" eb="5">
      <t>コウミンカン</t>
    </rPh>
    <phoneticPr fontId="2"/>
  </si>
  <si>
    <t>690-1404</t>
  </si>
  <si>
    <t>松江市八束町波入2219-2</t>
  </si>
  <si>
    <t>0852-76-3663</t>
  </si>
  <si>
    <t>(76-3669)</t>
  </si>
  <si>
    <t>699-0101</t>
  </si>
  <si>
    <t>0852-52-3297</t>
  </si>
  <si>
    <t>(52-9516)</t>
  </si>
  <si>
    <t>699-0111</t>
  </si>
  <si>
    <t>松江市東出雲町意宇南5-3-1</t>
    <rPh sb="0" eb="3">
      <t>マツエシ</t>
    </rPh>
    <rPh sb="7" eb="8">
      <t>イ</t>
    </rPh>
    <rPh sb="8" eb="9">
      <t>ウ</t>
    </rPh>
    <rPh sb="9" eb="10">
      <t>ミナミ</t>
    </rPh>
    <phoneticPr fontId="1"/>
  </si>
  <si>
    <t>0852-52-2364</t>
  </si>
  <si>
    <t>(52-2394)</t>
  </si>
  <si>
    <t>699-0102</t>
  </si>
  <si>
    <t>松江市東出雲町下意東765-35</t>
    <rPh sb="0" eb="3">
      <t>マツエシ</t>
    </rPh>
    <phoneticPr fontId="2"/>
  </si>
  <si>
    <t>0852-52-2055</t>
  </si>
  <si>
    <t>(52-2109)</t>
  </si>
  <si>
    <t>699-0103</t>
  </si>
  <si>
    <t>松江市東出雲町上意東1982-2</t>
    <rPh sb="0" eb="3">
      <t>マツエシ</t>
    </rPh>
    <phoneticPr fontId="2"/>
  </si>
  <si>
    <t>0852-52-2870</t>
  </si>
  <si>
    <t>(52-2902)</t>
  </si>
  <si>
    <t>690-2105</t>
  </si>
  <si>
    <t>松江市八雲町平原752-3</t>
    <rPh sb="5" eb="6">
      <t>チョウ</t>
    </rPh>
    <rPh sb="6" eb="8">
      <t>ヒラハラ</t>
    </rPh>
    <phoneticPr fontId="1"/>
  </si>
  <si>
    <t>692-0011</t>
  </si>
  <si>
    <t>安来市安来町896-1</t>
    <rPh sb="3" eb="6">
      <t>ヤスギチョウ</t>
    </rPh>
    <phoneticPr fontId="2"/>
  </si>
  <si>
    <t>0854-23-1721</t>
  </si>
  <si>
    <t>安来市安来町896-1</t>
  </si>
  <si>
    <t>0854-23-0755</t>
  </si>
  <si>
    <t>安来市安来町1281-1</t>
  </si>
  <si>
    <t>0854-23-2048</t>
  </si>
  <si>
    <t>692-0025</t>
  </si>
  <si>
    <t>安来市穂日島町485</t>
  </si>
  <si>
    <t>0854-23-2891</t>
  </si>
  <si>
    <t>692-0034</t>
  </si>
  <si>
    <t>安来市宇賀荘町98-1</t>
  </si>
  <si>
    <t>0854-23-0721</t>
  </si>
  <si>
    <t>692-0042</t>
  </si>
  <si>
    <t>安来市大塚町400-1</t>
  </si>
  <si>
    <t>0854-27-0328</t>
  </si>
  <si>
    <t>692-0043</t>
  </si>
  <si>
    <t>安来市上吉田町618-1</t>
  </si>
  <si>
    <t>0854-27-0325</t>
  </si>
  <si>
    <t>692-0055</t>
  </si>
  <si>
    <t>安来市飯生町566-3</t>
  </si>
  <si>
    <t>0854-23-0764</t>
  </si>
  <si>
    <t>692-0066</t>
  </si>
  <si>
    <t>安来市飯梨町445-1</t>
  </si>
  <si>
    <t>0854-28-8346</t>
  </si>
  <si>
    <t>692-0007</t>
  </si>
  <si>
    <t>安来市荒島町3353-5</t>
  </si>
  <si>
    <t>0854-28-6783</t>
  </si>
  <si>
    <t>692-0002</t>
  </si>
  <si>
    <t>安来市上坂田町574</t>
  </si>
  <si>
    <t>0854-28-8982</t>
  </si>
  <si>
    <t>692-0404</t>
  </si>
  <si>
    <t>0854-32-4138</t>
  </si>
  <si>
    <t>692-0623</t>
  </si>
  <si>
    <t>安来市広瀬町布部345-40</t>
  </si>
  <si>
    <t>0854-36-0001</t>
  </si>
  <si>
    <t>692-0622</t>
  </si>
  <si>
    <t>安来市広瀬町宇波482-2</t>
  </si>
  <si>
    <t>0854-36-0852</t>
  </si>
  <si>
    <t>692-0731</t>
  </si>
  <si>
    <t>安来市広瀬町西比田1708-4</t>
  </si>
  <si>
    <t>0854-34-0001</t>
  </si>
  <si>
    <t>692-0733</t>
  </si>
  <si>
    <t>安来市広瀬町東比田950-11</t>
  </si>
  <si>
    <t>0854-34-0211</t>
  </si>
  <si>
    <t>692-0413</t>
  </si>
  <si>
    <t>安来市広瀬町上山佐654-5</t>
  </si>
  <si>
    <t>0854-35-0129</t>
  </si>
  <si>
    <t>692-0412</t>
  </si>
  <si>
    <t>0854-32-3840</t>
  </si>
  <si>
    <t>692-0624</t>
  </si>
  <si>
    <t>安来市広瀬町西谷376-6</t>
    <rPh sb="6" eb="8">
      <t>ニシタニ</t>
    </rPh>
    <phoneticPr fontId="2"/>
  </si>
  <si>
    <t>0854-36-0376</t>
  </si>
  <si>
    <t>692-0625</t>
  </si>
  <si>
    <t>安来市広瀬町奥田原602-1</t>
    <rPh sb="6" eb="7">
      <t>オク</t>
    </rPh>
    <rPh sb="7" eb="9">
      <t>タハラ</t>
    </rPh>
    <phoneticPr fontId="2"/>
  </si>
  <si>
    <t>0854-35-0047</t>
  </si>
  <si>
    <t>692-0621</t>
  </si>
  <si>
    <t>安来市広瀬町菅原604</t>
    <rPh sb="6" eb="8">
      <t>スガハラ</t>
    </rPh>
    <phoneticPr fontId="2"/>
  </si>
  <si>
    <t>0854-32-3298</t>
  </si>
  <si>
    <t>692-0207</t>
  </si>
  <si>
    <t>安来市伯太町東母里572-1</t>
  </si>
  <si>
    <t>0854-37-1558</t>
  </si>
  <si>
    <t>(37-9072)</t>
  </si>
  <si>
    <t>692-0205</t>
  </si>
  <si>
    <t>0854-37-0835</t>
  </si>
  <si>
    <t>(37-9071)</t>
  </si>
  <si>
    <t>692-0211</t>
  </si>
  <si>
    <t>0854-37-0225</t>
  </si>
  <si>
    <t>(37-0251)</t>
  </si>
  <si>
    <t>692-0213</t>
  </si>
  <si>
    <t>0854-37-0836</t>
  </si>
  <si>
    <t>(37-9023)</t>
  </si>
  <si>
    <t>692-0321</t>
  </si>
  <si>
    <t>安来市伯太町赤屋118-2</t>
  </si>
  <si>
    <t>0854-38-0145</t>
  </si>
  <si>
    <t>(38-9011)</t>
  </si>
  <si>
    <t>693-0001</t>
  </si>
  <si>
    <t>出雲市今市町1578-2</t>
  </si>
  <si>
    <t>0853-21-5318</t>
  </si>
  <si>
    <t>693-0011</t>
  </si>
  <si>
    <t>出雲市大津町1727ｰ5</t>
  </si>
  <si>
    <t>0853-21-0172</t>
  </si>
  <si>
    <t>(21-4215)</t>
  </si>
  <si>
    <t>693-0021</t>
  </si>
  <si>
    <t>出雲市塩冶町803ｰ2</t>
  </si>
  <si>
    <t>0853-21-0248</t>
  </si>
  <si>
    <t>(21-3837)</t>
  </si>
  <si>
    <t>693-0031</t>
  </si>
  <si>
    <t>出雲市古志町1122-6</t>
  </si>
  <si>
    <t>0853-21-0925</t>
  </si>
  <si>
    <t>(21-1066)</t>
  </si>
  <si>
    <t>693-0052</t>
  </si>
  <si>
    <t>出雲市松寄下町703-1</t>
  </si>
  <si>
    <t>0853-21-0671</t>
  </si>
  <si>
    <t>(21-0682)</t>
  </si>
  <si>
    <t>693-0051</t>
  </si>
  <si>
    <t>0853-21-0369</t>
  </si>
  <si>
    <t>(21-0370)</t>
  </si>
  <si>
    <t>693-0065</t>
  </si>
  <si>
    <t>出雲市平野町1183</t>
    <rPh sb="3" eb="6">
      <t>ヒラノマチ</t>
    </rPh>
    <phoneticPr fontId="2"/>
  </si>
  <si>
    <t>0853-21-0948</t>
  </si>
  <si>
    <t>(21-0949)</t>
  </si>
  <si>
    <t>693-0013</t>
  </si>
  <si>
    <t>出雲市荻杼町211</t>
  </si>
  <si>
    <t>0853-21-0694</t>
  </si>
  <si>
    <t>(21-0724)</t>
  </si>
  <si>
    <t>693-0074</t>
  </si>
  <si>
    <t>出雲市東林木町890-4</t>
  </si>
  <si>
    <t>0853-21-0174</t>
  </si>
  <si>
    <t>(21-0176)</t>
  </si>
  <si>
    <t>693-0101</t>
  </si>
  <si>
    <t>出雲市上島町1031</t>
  </si>
  <si>
    <t>0853-48-0301</t>
  </si>
  <si>
    <t>(48-0361)</t>
  </si>
  <si>
    <t>693-0104</t>
  </si>
  <si>
    <t>出雲市稗原町2859</t>
  </si>
  <si>
    <t>0853-48-0001</t>
  </si>
  <si>
    <t>(48-0048)</t>
  </si>
  <si>
    <t>693-0214</t>
  </si>
  <si>
    <t>出雲市所原町185</t>
  </si>
  <si>
    <t>0853-48-0201</t>
  </si>
  <si>
    <t>(48-0244)</t>
  </si>
  <si>
    <t>693-0216</t>
  </si>
  <si>
    <t>出雲市乙立町3163</t>
  </si>
  <si>
    <t>0853-45-0216</t>
  </si>
  <si>
    <t>(45-0218)</t>
  </si>
  <si>
    <t>693-0033</t>
  </si>
  <si>
    <t>出雲市知井宮町801-1</t>
  </si>
  <si>
    <t>0853-21-1038</t>
  </si>
  <si>
    <t>(21-1056)</t>
  </si>
  <si>
    <t>699-0822</t>
  </si>
  <si>
    <t>出雲市神西沖町447</t>
  </si>
  <si>
    <t>0853-43-1001</t>
  </si>
  <si>
    <t>(43-9035)</t>
  </si>
  <si>
    <t>693-0043</t>
  </si>
  <si>
    <t>出雲市長浜町514-11</t>
  </si>
  <si>
    <t>0853-28-0215</t>
  </si>
  <si>
    <t>(28-0677)</t>
  </si>
  <si>
    <t>691-0001</t>
  </si>
  <si>
    <t>出雲市平田町911</t>
  </si>
  <si>
    <t>0853-63-1385</t>
  </si>
  <si>
    <t>(63-1368)</t>
  </si>
  <si>
    <t>691-0003</t>
  </si>
  <si>
    <t>出雲市灘分町1933</t>
  </si>
  <si>
    <t>0853-63-1371</t>
  </si>
  <si>
    <t>(63-1364)</t>
  </si>
  <si>
    <t>691-0011</t>
  </si>
  <si>
    <t>出雲市国富町867</t>
  </si>
  <si>
    <t>0853-63-1372</t>
  </si>
  <si>
    <t>(63-1370)</t>
  </si>
  <si>
    <t>691-0033</t>
  </si>
  <si>
    <t>出雲市万田町692</t>
  </si>
  <si>
    <t>0853-63-1373</t>
  </si>
  <si>
    <t>(63-1346)</t>
  </si>
  <si>
    <t>691-0025</t>
  </si>
  <si>
    <t>出雲市河下町720-1</t>
  </si>
  <si>
    <t>0853-66-0001</t>
  </si>
  <si>
    <t>(66-0059)</t>
  </si>
  <si>
    <t>691-0065</t>
  </si>
  <si>
    <t>出雲市東郷町175</t>
  </si>
  <si>
    <t>0853-63-1374</t>
  </si>
  <si>
    <t>(63-1423)</t>
  </si>
  <si>
    <t>691-0061</t>
  </si>
  <si>
    <t>出雲市多久町10</t>
  </si>
  <si>
    <t>0853-63-1375</t>
  </si>
  <si>
    <t>(63-1425)</t>
  </si>
  <si>
    <t>691-0075</t>
  </si>
  <si>
    <t>出雲市鹿園寺町49-3</t>
  </si>
  <si>
    <t>0853-67-0020</t>
  </si>
  <si>
    <t>(67-0063)</t>
  </si>
  <si>
    <t>691-0042</t>
  </si>
  <si>
    <t>出雲市十六島町1851-1</t>
  </si>
  <si>
    <t>0853-66-0002</t>
  </si>
  <si>
    <t>(66-0016)</t>
  </si>
  <si>
    <t>691-0051</t>
  </si>
  <si>
    <t>出雲市坂浦町3601</t>
    <rPh sb="3" eb="6">
      <t>サカウラチョウ</t>
    </rPh>
    <phoneticPr fontId="1"/>
  </si>
  <si>
    <t>0853-68-0031</t>
  </si>
  <si>
    <t>(68-0063)</t>
  </si>
  <si>
    <t>691-0072</t>
  </si>
  <si>
    <t>出雲市野郷町492-5</t>
  </si>
  <si>
    <t>0853-69-1526</t>
  </si>
  <si>
    <t>(69-1530)</t>
  </si>
  <si>
    <t>693-0506</t>
  </si>
  <si>
    <t>出雲市佐田町反辺1747-6</t>
    <rPh sb="0" eb="3">
      <t>イズモシ</t>
    </rPh>
    <phoneticPr fontId="1"/>
  </si>
  <si>
    <t>0853-84-0113</t>
  </si>
  <si>
    <t>(84-1466)</t>
  </si>
  <si>
    <t>693-0511</t>
  </si>
  <si>
    <t>出雲市佐田町八幡原492ｰ6</t>
  </si>
  <si>
    <t>0853-85-2585</t>
  </si>
  <si>
    <t>(85-2598)</t>
  </si>
  <si>
    <t>699-0903</t>
  </si>
  <si>
    <t>出雲市多伎町小田73</t>
  </si>
  <si>
    <t>0853-86-2853</t>
  </si>
  <si>
    <t>(86-2854)</t>
  </si>
  <si>
    <t>699-0812</t>
  </si>
  <si>
    <t>出雲市湖陵町二部1320</t>
  </si>
  <si>
    <t>0853-43-2480</t>
  </si>
  <si>
    <t>(43-3737)</t>
  </si>
  <si>
    <t>699-0711</t>
  </si>
  <si>
    <t>出雲市大社町杵築南1051-1</t>
    <rPh sb="8" eb="9">
      <t>ミナミ</t>
    </rPh>
    <phoneticPr fontId="2"/>
  </si>
  <si>
    <t>0853-53-4494</t>
  </si>
  <si>
    <t>(53-4498)</t>
  </si>
  <si>
    <t>699-0722</t>
  </si>
  <si>
    <t>出雲市大社町北荒木389-2</t>
  </si>
  <si>
    <t>0853-53-5440</t>
  </si>
  <si>
    <t>(53-5443)</t>
  </si>
  <si>
    <t>699-0731</t>
  </si>
  <si>
    <t>出雲市大社町遙堪359-2</t>
    <rPh sb="6" eb="8">
      <t>ヨウカン</t>
    </rPh>
    <phoneticPr fontId="1"/>
  </si>
  <si>
    <t>0853-53-5529</t>
  </si>
  <si>
    <t>(53-5548)</t>
  </si>
  <si>
    <t>699-0764</t>
  </si>
  <si>
    <t>出雲市大社町宇龍338-3</t>
    <rPh sb="7" eb="8">
      <t>リュウ</t>
    </rPh>
    <phoneticPr fontId="2"/>
  </si>
  <si>
    <t>0853-54-5443</t>
  </si>
  <si>
    <t>(54-5446)</t>
  </si>
  <si>
    <t>699-0761</t>
  </si>
  <si>
    <t>0853-53-5635</t>
  </si>
  <si>
    <t>(53-5644)</t>
  </si>
  <si>
    <t>699-0502</t>
  </si>
  <si>
    <t>出雲市斐川町荘原3835</t>
    <rPh sb="0" eb="3">
      <t>イズモシ</t>
    </rPh>
    <phoneticPr fontId="1"/>
  </si>
  <si>
    <t>0853-72-4600</t>
  </si>
  <si>
    <t>(72-4602)</t>
  </si>
  <si>
    <t>699-0614</t>
  </si>
  <si>
    <t>出雲市斐川町求院965</t>
    <rPh sb="0" eb="3">
      <t>イズモシ</t>
    </rPh>
    <phoneticPr fontId="1"/>
  </si>
  <si>
    <t>0853-72-9204</t>
  </si>
  <si>
    <t>(72-9206)</t>
  </si>
  <si>
    <t>699-0611</t>
  </si>
  <si>
    <t>出雲市斐川町阿宮2323-2</t>
    <rPh sb="0" eb="3">
      <t>イズモシ</t>
    </rPh>
    <phoneticPr fontId="1"/>
  </si>
  <si>
    <t>0853-72-9142</t>
  </si>
  <si>
    <t>(72-9152)</t>
  </si>
  <si>
    <t>699-0621</t>
  </si>
  <si>
    <t>出雲市斐川町富村748　</t>
    <rPh sb="0" eb="3">
      <t>イズモシ</t>
    </rPh>
    <phoneticPr fontId="1"/>
  </si>
  <si>
    <t>0853-72-1311</t>
  </si>
  <si>
    <t>(72-1322)</t>
  </si>
  <si>
    <t>699-0631</t>
  </si>
  <si>
    <t>出雲市斐川町直江4865-1</t>
    <rPh sb="0" eb="3">
      <t>イズモシ</t>
    </rPh>
    <phoneticPr fontId="2"/>
  </si>
  <si>
    <t>0853-72-5282</t>
  </si>
  <si>
    <t>(72-5286)</t>
  </si>
  <si>
    <t>699-0642</t>
  </si>
  <si>
    <t>出雲市斐川町福富2ｰ13</t>
    <rPh sb="0" eb="3">
      <t>イズモシ</t>
    </rPh>
    <phoneticPr fontId="2"/>
  </si>
  <si>
    <t>0853-72-7474</t>
  </si>
  <si>
    <t>(72-7476)</t>
  </si>
  <si>
    <t>699-0554</t>
  </si>
  <si>
    <t>出雲市斐川町三分市2060-1</t>
    <rPh sb="0" eb="3">
      <t>イズモシ</t>
    </rPh>
    <phoneticPr fontId="2"/>
  </si>
  <si>
    <t>0853-62-5033</t>
  </si>
  <si>
    <t>(62-5039)</t>
  </si>
  <si>
    <t>699-1251</t>
  </si>
  <si>
    <t xml:space="preserve">雲南市大東町大東2419-1 </t>
    <rPh sb="0" eb="2">
      <t>ウンナン</t>
    </rPh>
    <rPh sb="2" eb="3">
      <t>シ</t>
    </rPh>
    <phoneticPr fontId="2"/>
  </si>
  <si>
    <t>0854-43-2130</t>
  </si>
  <si>
    <t>699-1242</t>
  </si>
  <si>
    <t>雲南市大東町大東下分230-1</t>
  </si>
  <si>
    <t>0854-43-2709</t>
  </si>
  <si>
    <t>699-1232</t>
  </si>
  <si>
    <t>雲南市大東町仁和寺833-10</t>
  </si>
  <si>
    <t>0854-43-2800</t>
  </si>
  <si>
    <t>699-1214</t>
  </si>
  <si>
    <t>雲南市大東町上佐世1385-3</t>
  </si>
  <si>
    <t>0854-43-2110</t>
  </si>
  <si>
    <t>699-1224</t>
  </si>
  <si>
    <t>雲南市大東町東阿用33-1</t>
  </si>
  <si>
    <t>0854-43-2811</t>
  </si>
  <si>
    <t>699-1211</t>
  </si>
  <si>
    <t>雲南市大東町上久野136-1</t>
  </si>
  <si>
    <t>0854-47-0040</t>
  </si>
  <si>
    <t>699-1206</t>
  </si>
  <si>
    <t>雲南市大東町南村234-1</t>
  </si>
  <si>
    <t>0854-43-2705</t>
  </si>
  <si>
    <t>699-1262</t>
  </si>
  <si>
    <t>0854-47-0033</t>
  </si>
  <si>
    <t>699-1106</t>
  </si>
  <si>
    <t>雲南市加茂町加茂中1040-1</t>
    <rPh sb="0" eb="3">
      <t>ウンナンシ</t>
    </rPh>
    <rPh sb="3" eb="5">
      <t>カモ</t>
    </rPh>
    <rPh sb="5" eb="6">
      <t>チョウ</t>
    </rPh>
    <rPh sb="6" eb="8">
      <t>カモ</t>
    </rPh>
    <rPh sb="8" eb="9">
      <t>ナカ</t>
    </rPh>
    <phoneticPr fontId="1"/>
  </si>
  <si>
    <t>0854-49-8380</t>
  </si>
  <si>
    <t>(49-6042)</t>
  </si>
  <si>
    <t>699-1332</t>
  </si>
  <si>
    <t>雲南市木次町木次299-1</t>
  </si>
  <si>
    <t>0854-42-2469</t>
  </si>
  <si>
    <t>雲南市木次町木次446-2</t>
  </si>
  <si>
    <t>0854-42-2574</t>
  </si>
  <si>
    <t>699-1334</t>
  </si>
  <si>
    <t>雲南市木次町新市3</t>
    <rPh sb="6" eb="8">
      <t>シンイチ</t>
    </rPh>
    <phoneticPr fontId="2"/>
  </si>
  <si>
    <t>0854-42-5110</t>
  </si>
  <si>
    <t>(42-9082)</t>
  </si>
  <si>
    <t>699-1333</t>
  </si>
  <si>
    <t>雲南市木次町下熊谷1096-1</t>
    <rPh sb="6" eb="7">
      <t>シモ</t>
    </rPh>
    <rPh sb="7" eb="9">
      <t>クマガヤ</t>
    </rPh>
    <phoneticPr fontId="2"/>
  </si>
  <si>
    <t>0854-42-5351</t>
  </si>
  <si>
    <t>699-1311</t>
  </si>
  <si>
    <t>0854-42-1636</t>
  </si>
  <si>
    <t>699-1322</t>
  </si>
  <si>
    <t>雲南市木次町寺領526-3</t>
  </si>
  <si>
    <t>0854-42-0238</t>
  </si>
  <si>
    <t>699-1324</t>
  </si>
  <si>
    <t>雲南市木次町西日登990-1</t>
  </si>
  <si>
    <t>0854-42-1037</t>
  </si>
  <si>
    <t>699-1342</t>
  </si>
  <si>
    <t>雲南市木次町平田799-3</t>
  </si>
  <si>
    <t>0854-48-0077</t>
  </si>
  <si>
    <t>690-2404</t>
  </si>
  <si>
    <t>雲南市三刀屋町三刀屋144-1</t>
  </si>
  <si>
    <t>0854-45-5531</t>
  </si>
  <si>
    <t>690-2402</t>
  </si>
  <si>
    <t>0854-45-2544</t>
  </si>
  <si>
    <t>690-2634</t>
  </si>
  <si>
    <t>0854-45-4241</t>
  </si>
  <si>
    <t>690-2512</t>
  </si>
  <si>
    <t>雲南市三刀屋町多久和516-2</t>
  </si>
  <si>
    <t>0854-45-4224</t>
  </si>
  <si>
    <t>690-2523</t>
  </si>
  <si>
    <t>0854-45-2795</t>
  </si>
  <si>
    <t>690-2801</t>
  </si>
  <si>
    <t>雲南市吉田町吉田1061-1</t>
    <rPh sb="5" eb="6">
      <t>チョウ</t>
    </rPh>
    <phoneticPr fontId="2"/>
  </si>
  <si>
    <t>0854-74-0219</t>
  </si>
  <si>
    <t>690-2313</t>
  </si>
  <si>
    <t>雲南市吉田町深野61-4</t>
    <rPh sb="5" eb="6">
      <t>チョウ</t>
    </rPh>
    <rPh sb="6" eb="8">
      <t>フカノ</t>
    </rPh>
    <phoneticPr fontId="2"/>
  </si>
  <si>
    <t>0854-75-0312</t>
  </si>
  <si>
    <t>(75-0240)</t>
  </si>
  <si>
    <t>690-2701</t>
  </si>
  <si>
    <t>雲南市掛合町掛合2156-1</t>
    <rPh sb="3" eb="5">
      <t>カケヤ</t>
    </rPh>
    <rPh sb="5" eb="6">
      <t>チョウ</t>
    </rPh>
    <rPh sb="6" eb="8">
      <t>カケヤ</t>
    </rPh>
    <phoneticPr fontId="2"/>
  </si>
  <si>
    <t>0854-62-0189</t>
  </si>
  <si>
    <t>690-2706</t>
  </si>
  <si>
    <t>雲南市掛合町多根418-1</t>
    <rPh sb="3" eb="5">
      <t>カケヤ</t>
    </rPh>
    <rPh sb="5" eb="6">
      <t>チョウ</t>
    </rPh>
    <rPh sb="6" eb="7">
      <t>タ</t>
    </rPh>
    <rPh sb="7" eb="8">
      <t>ネ</t>
    </rPh>
    <phoneticPr fontId="2"/>
  </si>
  <si>
    <t>0854-62-1610</t>
  </si>
  <si>
    <t>690-2705</t>
  </si>
  <si>
    <t>0854-62-0411</t>
  </si>
  <si>
    <t>690-2703</t>
  </si>
  <si>
    <t>雲南市掛合町波多459-1</t>
    <rPh sb="3" eb="5">
      <t>カケヤ</t>
    </rPh>
    <rPh sb="5" eb="6">
      <t>チョウ</t>
    </rPh>
    <rPh sb="6" eb="7">
      <t>ハ</t>
    </rPh>
    <rPh sb="7" eb="8">
      <t>タ</t>
    </rPh>
    <phoneticPr fontId="2"/>
  </si>
  <si>
    <t>0854-64-0210</t>
  </si>
  <si>
    <t>690-2702</t>
  </si>
  <si>
    <t>0854-62-0403</t>
  </si>
  <si>
    <t>(62-0409)</t>
  </si>
  <si>
    <t>三成中央公民館</t>
    <rPh sb="0" eb="2">
      <t>ミナリ</t>
    </rPh>
    <phoneticPr fontId="2"/>
  </si>
  <si>
    <t>699-1511</t>
  </si>
  <si>
    <t>奧出雲町三成445</t>
    <rPh sb="0" eb="1">
      <t>オク</t>
    </rPh>
    <rPh sb="1" eb="4">
      <t>イズモチョウ</t>
    </rPh>
    <phoneticPr fontId="2"/>
  </si>
  <si>
    <t>0854-54-1311</t>
  </si>
  <si>
    <t>(54-2023)</t>
  </si>
  <si>
    <t>699-1701</t>
  </si>
  <si>
    <t>奧出雲町亀嵩2215-1</t>
  </si>
  <si>
    <t>0854-57-0616</t>
  </si>
  <si>
    <t>699-1621</t>
  </si>
  <si>
    <t>奧出雲町上阿井188-1</t>
  </si>
  <si>
    <t>0854-56-0001</t>
  </si>
  <si>
    <t>699-1513</t>
  </si>
  <si>
    <t>0854-54-0331</t>
  </si>
  <si>
    <t>699-1802</t>
  </si>
  <si>
    <t>奧出雲町大呂1182-2　</t>
    <rPh sb="4" eb="5">
      <t>オオ</t>
    </rPh>
    <rPh sb="5" eb="6">
      <t>ロ</t>
    </rPh>
    <phoneticPr fontId="1"/>
  </si>
  <si>
    <t>0854-52-1019</t>
  </si>
  <si>
    <t>699-1832</t>
  </si>
  <si>
    <t>0854-52-0949</t>
  </si>
  <si>
    <t>699-1822</t>
  </si>
  <si>
    <t>奧出雲町下横田456-1</t>
  </si>
  <si>
    <t>0854-52-0241</t>
  </si>
  <si>
    <t>699-1941</t>
  </si>
  <si>
    <t>奧出雲町大馬木1968-2</t>
  </si>
  <si>
    <t>0854-53-0201</t>
  </si>
  <si>
    <t>690-3207</t>
  </si>
  <si>
    <t>飯南町頓原2084-5</t>
    <rPh sb="0" eb="2">
      <t>イイナン</t>
    </rPh>
    <rPh sb="2" eb="3">
      <t>チョウ</t>
    </rPh>
    <phoneticPr fontId="2"/>
  </si>
  <si>
    <t>0854-72-0980</t>
  </si>
  <si>
    <t>(72-1778)</t>
  </si>
  <si>
    <t>690-3312</t>
  </si>
  <si>
    <t>飯南町八神117-1</t>
  </si>
  <si>
    <t>0854-73-0350</t>
  </si>
  <si>
    <t>(73-0026)</t>
  </si>
  <si>
    <t>690-3513</t>
  </si>
  <si>
    <t>0854-76-3100</t>
  </si>
  <si>
    <t>(76-3129)</t>
  </si>
  <si>
    <t>690-3401</t>
  </si>
  <si>
    <t>飯南町野萱311-6</t>
  </si>
  <si>
    <t>0854-76-2393</t>
  </si>
  <si>
    <t>(76-2845)</t>
  </si>
  <si>
    <t>690-3514</t>
  </si>
  <si>
    <t>飯南町井戸谷478-1</t>
    <rPh sb="3" eb="5">
      <t>イド</t>
    </rPh>
    <rPh sb="5" eb="6">
      <t>タニ</t>
    </rPh>
    <phoneticPr fontId="2"/>
  </si>
  <si>
    <t>0854-76-3629</t>
  </si>
  <si>
    <t>中央公民館</t>
    <rPh sb="0" eb="2">
      <t>チュウオウ</t>
    </rPh>
    <phoneticPr fontId="2"/>
  </si>
  <si>
    <t>浜田市殿町6-1</t>
  </si>
  <si>
    <t>697-0027</t>
  </si>
  <si>
    <t>0855-22-9358</t>
  </si>
  <si>
    <t>697-0024</t>
  </si>
  <si>
    <t>浜田市黒川町132-2</t>
  </si>
  <si>
    <t>0855-22-1380</t>
  </si>
  <si>
    <t>697-0062</t>
  </si>
  <si>
    <t>浜田市熱田町1441-18</t>
  </si>
  <si>
    <t>0855-27-4614</t>
  </si>
  <si>
    <t>697-1321</t>
  </si>
  <si>
    <t>0855-27-0058</t>
  </si>
  <si>
    <t>697-1331</t>
  </si>
  <si>
    <t>浜田市内村町592-1</t>
  </si>
  <si>
    <t>0855-27-3657</t>
  </si>
  <si>
    <t>697-1337</t>
  </si>
  <si>
    <t>浜田市西村町1038-8</t>
  </si>
  <si>
    <t>0855-27-0897</t>
  </si>
  <si>
    <t>697-0003</t>
  </si>
  <si>
    <t>浜田市国分町1981-136</t>
  </si>
  <si>
    <t>0855-28-1270</t>
  </si>
  <si>
    <t>697-0121</t>
  </si>
  <si>
    <t>0855-42-2076</t>
  </si>
  <si>
    <t>697-0302</t>
  </si>
  <si>
    <t>浜田市金城町今福105-2</t>
  </si>
  <si>
    <t>0855-42-2083</t>
  </si>
  <si>
    <t>697-0211</t>
  </si>
  <si>
    <t>浜田市金城町波佐ｲ441-1</t>
    <rPh sb="0" eb="3">
      <t>ハマダシ</t>
    </rPh>
    <phoneticPr fontId="1"/>
  </si>
  <si>
    <t>0855-44-0146</t>
  </si>
  <si>
    <t>697-0213</t>
  </si>
  <si>
    <t>浜田市金城町小国ｲ160-1</t>
  </si>
  <si>
    <t>0855-44-0254</t>
  </si>
  <si>
    <t>697-0303</t>
  </si>
  <si>
    <t>浜田市金城町久佐ｲ575-7</t>
  </si>
  <si>
    <t>0855-42-2666</t>
  </si>
  <si>
    <t>697-0301</t>
  </si>
  <si>
    <t>0855-42-1704</t>
  </si>
  <si>
    <t>697-0425</t>
  </si>
  <si>
    <t>浜田市旭町今市641-1</t>
  </si>
  <si>
    <t>0855-45-1757</t>
  </si>
  <si>
    <t>(45-1203)</t>
  </si>
  <si>
    <t>697-0427</t>
  </si>
  <si>
    <t xml:space="preserve">浜田市旭町木田219-13 </t>
  </si>
  <si>
    <t>0855-45-1105</t>
  </si>
  <si>
    <t>697-0424</t>
  </si>
  <si>
    <t>0855-45-1918</t>
  </si>
  <si>
    <t>697-0511</t>
  </si>
  <si>
    <t>0855-47-0001</t>
  </si>
  <si>
    <t>（ 同左 ）</t>
    <rPh sb="2" eb="4">
      <t>ドウサ</t>
    </rPh>
    <phoneticPr fontId="1"/>
  </si>
  <si>
    <t>697-0514</t>
  </si>
  <si>
    <t xml:space="preserve">浜田市旭町市木2919-2 </t>
  </si>
  <si>
    <t>0855-47-0077</t>
  </si>
  <si>
    <t>杵束公民館</t>
    <rPh sb="0" eb="1">
      <t>キネ</t>
    </rPh>
    <rPh sb="1" eb="2">
      <t>ツカ</t>
    </rPh>
    <phoneticPr fontId="2"/>
  </si>
  <si>
    <t>697-1122</t>
  </si>
  <si>
    <t>浜田市弥栄町木都賀ｲ528-1</t>
    <rPh sb="5" eb="6">
      <t>チョウ</t>
    </rPh>
    <phoneticPr fontId="1"/>
  </si>
  <si>
    <t>0855-48-2258</t>
  </si>
  <si>
    <t>安城公民館</t>
    <rPh sb="0" eb="1">
      <t>ヤス</t>
    </rPh>
    <rPh sb="1" eb="2">
      <t>シロ</t>
    </rPh>
    <phoneticPr fontId="2"/>
  </si>
  <si>
    <t>697-1121</t>
  </si>
  <si>
    <t>浜田市弥栄町長安本郷544-1</t>
    <rPh sb="5" eb="6">
      <t>チョウ</t>
    </rPh>
    <rPh sb="6" eb="8">
      <t>チョウアン</t>
    </rPh>
    <rPh sb="8" eb="10">
      <t>ホンゴウ</t>
    </rPh>
    <phoneticPr fontId="2"/>
  </si>
  <si>
    <t>0855-48-2917</t>
  </si>
  <si>
    <t>(48-2131)</t>
  </si>
  <si>
    <t>699-3212</t>
  </si>
  <si>
    <t>0855-32-0500</t>
  </si>
  <si>
    <t>(32-2644)</t>
  </si>
  <si>
    <t>699-3224</t>
  </si>
  <si>
    <t>0855-32-0314</t>
  </si>
  <si>
    <t>(32-0678)</t>
  </si>
  <si>
    <t>699-3226</t>
  </si>
  <si>
    <t>0855-32-2298</t>
  </si>
  <si>
    <t>(32-2450)</t>
  </si>
  <si>
    <t>699-3301</t>
  </si>
  <si>
    <t>0855-34-0007</t>
  </si>
  <si>
    <t>(34-0038)</t>
  </si>
  <si>
    <t>699-3215</t>
  </si>
  <si>
    <t>0855-35-1509</t>
  </si>
  <si>
    <t>(35-1503)</t>
  </si>
  <si>
    <t>699-3222</t>
  </si>
  <si>
    <t>0855-32-1288</t>
  </si>
  <si>
    <t>(32-2517)</t>
  </si>
  <si>
    <t>697-0312</t>
  </si>
  <si>
    <t>浜田市宇津井町529</t>
    <rPh sb="6" eb="7">
      <t>チョウ</t>
    </rPh>
    <phoneticPr fontId="2"/>
  </si>
  <si>
    <t>0855-42-1309</t>
  </si>
  <si>
    <t>697-0013</t>
  </si>
  <si>
    <t>0855-22-7531</t>
  </si>
  <si>
    <t>697-0014</t>
  </si>
  <si>
    <t>浜田市長見町956-2</t>
  </si>
  <si>
    <t>0855-22-5323</t>
  </si>
  <si>
    <t>697-1333</t>
  </si>
  <si>
    <t>浜田市鍋石町530-3</t>
  </si>
  <si>
    <t>0855-27-3828</t>
  </si>
  <si>
    <t>697-1332</t>
  </si>
  <si>
    <t>浜田市田橋町494-2</t>
  </si>
  <si>
    <t>0855-27-3503</t>
  </si>
  <si>
    <t>695-0102</t>
  </si>
  <si>
    <t>浜田市宇野町281-3</t>
    <rPh sb="0" eb="3">
      <t>ハマダシ</t>
    </rPh>
    <rPh sb="3" eb="5">
      <t>ウノ</t>
    </rPh>
    <rPh sb="5" eb="6">
      <t>マチ</t>
    </rPh>
    <phoneticPr fontId="1"/>
  </si>
  <si>
    <t>0855-28-2646</t>
  </si>
  <si>
    <t>695-0101</t>
  </si>
  <si>
    <t>浜田市下有福町26-1</t>
  </si>
  <si>
    <t>0855-28-2841</t>
  </si>
  <si>
    <t>694-0064</t>
  </si>
  <si>
    <t>大田市大田町大田ｲ140-2</t>
  </si>
  <si>
    <t>0854-82-6630</t>
  </si>
  <si>
    <t>東部公民館</t>
    <rPh sb="0" eb="2">
      <t>トウブ</t>
    </rPh>
    <phoneticPr fontId="2"/>
  </si>
  <si>
    <t>694-0051</t>
  </si>
  <si>
    <t>大田市久手町波根西1748</t>
  </si>
  <si>
    <t>0854-82-5122</t>
  </si>
  <si>
    <t>西部公民館</t>
    <rPh sb="0" eb="2">
      <t>セイブ</t>
    </rPh>
    <phoneticPr fontId="2"/>
  </si>
  <si>
    <t>694-0031</t>
  </si>
  <si>
    <t>大田市静間町430-1</t>
  </si>
  <si>
    <t>0854-82-0221</t>
  </si>
  <si>
    <t>三瓶公民館</t>
    <rPh sb="0" eb="2">
      <t>サンベ</t>
    </rPh>
    <phoneticPr fontId="2"/>
  </si>
  <si>
    <t>694-0223</t>
  </si>
  <si>
    <t>大田市三瓶町池田1887-1</t>
  </si>
  <si>
    <t>0854-83-2550</t>
  </si>
  <si>
    <t>高山公民館</t>
    <rPh sb="0" eb="2">
      <t>タカヤマ</t>
    </rPh>
    <phoneticPr fontId="2"/>
  </si>
  <si>
    <t>694-0431</t>
  </si>
  <si>
    <t>大田市水上町三久須11-2</t>
    <rPh sb="3" eb="5">
      <t>ミナカミ</t>
    </rPh>
    <rPh sb="6" eb="7">
      <t>３</t>
    </rPh>
    <rPh sb="7" eb="8">
      <t>ヒサシ</t>
    </rPh>
    <rPh sb="8" eb="9">
      <t>ス</t>
    </rPh>
    <phoneticPr fontId="1"/>
  </si>
  <si>
    <t>0854-89-0211</t>
  </si>
  <si>
    <t>温泉津公民館</t>
    <rPh sb="0" eb="3">
      <t>ユノツ</t>
    </rPh>
    <rPh sb="3" eb="6">
      <t>コウミンカン</t>
    </rPh>
    <phoneticPr fontId="2"/>
  </si>
  <si>
    <t>699-2511</t>
  </si>
  <si>
    <t>大田市温泉津町小浜ｲ486</t>
    <rPh sb="3" eb="6">
      <t>ユノツ</t>
    </rPh>
    <rPh sb="7" eb="9">
      <t>コハマ</t>
    </rPh>
    <phoneticPr fontId="1"/>
  </si>
  <si>
    <t>0855-65-3696</t>
  </si>
  <si>
    <t>699-2301</t>
  </si>
  <si>
    <t>大田市仁摩町仁万562-3</t>
  </si>
  <si>
    <t>0854-88-3081</t>
  </si>
  <si>
    <t>0854-82-6240</t>
  </si>
  <si>
    <t>694-0011</t>
  </si>
  <si>
    <t>大田市川合町川合1247-1</t>
  </si>
  <si>
    <t>0854-82-5124</t>
  </si>
  <si>
    <t>694-0024</t>
  </si>
  <si>
    <t>大田市久利町久利790-1</t>
  </si>
  <si>
    <t>0854-82-5572</t>
  </si>
  <si>
    <t>694-0033</t>
  </si>
  <si>
    <t>大田市大屋町大国2903-1</t>
  </si>
  <si>
    <t>0854-82-5580</t>
  </si>
  <si>
    <t>699-2213</t>
  </si>
  <si>
    <t>大田市朝山町朝倉420-1</t>
    <rPh sb="0" eb="3">
      <t>オオダシ</t>
    </rPh>
    <rPh sb="3" eb="6">
      <t>アサヤマチョウ</t>
    </rPh>
    <rPh sb="6" eb="8">
      <t>アサクラ</t>
    </rPh>
    <phoneticPr fontId="2"/>
  </si>
  <si>
    <t>0854-85-8463</t>
  </si>
  <si>
    <t>699-2216</t>
  </si>
  <si>
    <t>0854-88-0001</t>
  </si>
  <si>
    <t>699-2211</t>
  </si>
  <si>
    <t>大田市波根町1751-2</t>
  </si>
  <si>
    <t>0854-85-8625</t>
  </si>
  <si>
    <t>0854-82-8307</t>
  </si>
  <si>
    <t>694-0054</t>
  </si>
  <si>
    <t>大田市鳥井町鳥井412-4</t>
  </si>
  <si>
    <t>0854-84-8337</t>
  </si>
  <si>
    <t>694-0041</t>
  </si>
  <si>
    <t>大田市長久町長久ｲ612-1</t>
  </si>
  <si>
    <t>0854-82-5571</t>
  </si>
  <si>
    <t>0854-84-8122</t>
  </si>
  <si>
    <t>694-0035</t>
  </si>
  <si>
    <t>大田市五十猛町1481-2</t>
  </si>
  <si>
    <t>0854-87-0026</t>
  </si>
  <si>
    <t>0854-83-2168</t>
  </si>
  <si>
    <t>694-0222</t>
  </si>
  <si>
    <t>大田市三瓶町志学ﾛ869-1</t>
  </si>
  <si>
    <t>0854-83-2167</t>
  </si>
  <si>
    <t>694-0002</t>
  </si>
  <si>
    <t>大田市山口町山口1181-1</t>
  </si>
  <si>
    <t>0854-86-0478</t>
  </si>
  <si>
    <t>694-0305</t>
  </si>
  <si>
    <t>大田市大森町ｲ490</t>
  </si>
  <si>
    <t>(89-0164)</t>
  </si>
  <si>
    <t>694-0304</t>
  </si>
  <si>
    <t>0854-89-0023</t>
  </si>
  <si>
    <t>0854-85-2362</t>
  </si>
  <si>
    <t>694-0433</t>
  </si>
  <si>
    <t>大田市大代町大家1579</t>
  </si>
  <si>
    <t>0854-85-2204</t>
  </si>
  <si>
    <t>0855-65-1522</t>
  </si>
  <si>
    <t>699-2502</t>
  </si>
  <si>
    <t>0855-65-3038</t>
  </si>
  <si>
    <t>699-2514</t>
  </si>
  <si>
    <t>0855-65-2941</t>
  </si>
  <si>
    <t>699-2507</t>
  </si>
  <si>
    <t>0855-66-0711</t>
  </si>
  <si>
    <t>0854-88-9520</t>
  </si>
  <si>
    <t>699-2302</t>
  </si>
  <si>
    <t>大田市仁摩町宅野79</t>
    <rPh sb="6" eb="7">
      <t>タク</t>
    </rPh>
    <rPh sb="7" eb="8">
      <t>ノ</t>
    </rPh>
    <phoneticPr fontId="1"/>
  </si>
  <si>
    <t>0854-88-9511</t>
  </si>
  <si>
    <t>699-2303</t>
  </si>
  <si>
    <t>0854-88-9455</t>
  </si>
  <si>
    <t>699-2304</t>
  </si>
  <si>
    <t>大田市仁摩町馬路1737-6</t>
    <rPh sb="6" eb="7">
      <t>ウマ</t>
    </rPh>
    <rPh sb="7" eb="8">
      <t>ミチ</t>
    </rPh>
    <phoneticPr fontId="1"/>
  </si>
  <si>
    <t>0854-88-9070</t>
  </si>
  <si>
    <t>694-0003</t>
  </si>
  <si>
    <t>大田市三瓶町多根ｲ252-1</t>
    <rPh sb="0" eb="3">
      <t>オオダシ</t>
    </rPh>
    <rPh sb="3" eb="6">
      <t>サンベチョウ</t>
    </rPh>
    <rPh sb="6" eb="8">
      <t>タネ</t>
    </rPh>
    <phoneticPr fontId="1"/>
  </si>
  <si>
    <t>0854-86-0477</t>
  </si>
  <si>
    <t>699-2833</t>
  </si>
  <si>
    <t xml:space="preserve">江津市波積町本郷273-10 </t>
    <rPh sb="6" eb="8">
      <t>ホンゴウ</t>
    </rPh>
    <phoneticPr fontId="2"/>
  </si>
  <si>
    <t>0855-55-0001</t>
  </si>
  <si>
    <t>699-2831</t>
  </si>
  <si>
    <t>江津市黒松町586</t>
  </si>
  <si>
    <t>0855-55-1601</t>
  </si>
  <si>
    <t>699-2841</t>
  </si>
  <si>
    <t>江津市後地町829-1</t>
  </si>
  <si>
    <t>0855-55-0002</t>
  </si>
  <si>
    <t>695-0002</t>
  </si>
  <si>
    <t>江津市浅利町2102</t>
  </si>
  <si>
    <t>0855-55-1004</t>
  </si>
  <si>
    <t>695-0004</t>
  </si>
  <si>
    <t xml:space="preserve">江津市松川町市村123 </t>
  </si>
  <si>
    <t>0855-57-0002</t>
  </si>
  <si>
    <t>695-0001</t>
  </si>
  <si>
    <t>江津市渡津町658-1</t>
  </si>
  <si>
    <t>0855-52-2569</t>
  </si>
  <si>
    <t>695-0011</t>
  </si>
  <si>
    <t>江津市江津町995</t>
  </si>
  <si>
    <t>0855-52-5566</t>
  </si>
  <si>
    <t>695-0012</t>
  </si>
  <si>
    <t>0855-52-0704</t>
  </si>
  <si>
    <t>695-0016</t>
  </si>
  <si>
    <t>江津市嘉久志町ｲ1503</t>
  </si>
  <si>
    <t>0855-52-0436</t>
  </si>
  <si>
    <t>695-0017</t>
  </si>
  <si>
    <t>江津市和木町570-1</t>
  </si>
  <si>
    <t>0855-53-3315</t>
  </si>
  <si>
    <t>695-0021</t>
  </si>
  <si>
    <t>江津市都野津町2358-1</t>
  </si>
  <si>
    <t>0855-53-0453</t>
  </si>
  <si>
    <t>695-0024</t>
  </si>
  <si>
    <t>江津市二宮町神主ｲ171</t>
  </si>
  <si>
    <t>0855-53-1665</t>
  </si>
  <si>
    <t>695-0152</t>
  </si>
  <si>
    <t>江津市跡市町625-1</t>
  </si>
  <si>
    <t>0855-56-2107</t>
  </si>
  <si>
    <t>699-3162</t>
  </si>
  <si>
    <t>江津市敬川町1769</t>
  </si>
  <si>
    <t>0855-53-1958</t>
  </si>
  <si>
    <t>699-3161</t>
  </si>
  <si>
    <t>0855-53-1902</t>
  </si>
  <si>
    <t>695-0156</t>
  </si>
  <si>
    <t>江津市有福温泉町8-3</t>
  </si>
  <si>
    <t>0855-56-2218</t>
  </si>
  <si>
    <t>699-4431</t>
  </si>
  <si>
    <t>江津市桜江町長谷1587-2</t>
  </si>
  <si>
    <t>0855-92-1218</t>
  </si>
  <si>
    <t>699-4221</t>
  </si>
  <si>
    <t>江津市桜江町市山481</t>
    <rPh sb="0" eb="3">
      <t>ゴウツシ</t>
    </rPh>
    <phoneticPr fontId="2"/>
  </si>
  <si>
    <t>0855-92-1508</t>
  </si>
  <si>
    <t>699-4226</t>
  </si>
  <si>
    <t>江津市桜江町川戸15-4</t>
  </si>
  <si>
    <t>0855-92-0026</t>
  </si>
  <si>
    <t>699-4111</t>
  </si>
  <si>
    <t>0855-92-1457</t>
  </si>
  <si>
    <t>699-4502</t>
  </si>
  <si>
    <t>江津市桜江町川越631</t>
    <rPh sb="6" eb="8">
      <t>カワゴエ</t>
    </rPh>
    <phoneticPr fontId="2"/>
  </si>
  <si>
    <t>0855-93-0825</t>
  </si>
  <si>
    <t>川本西公民館</t>
    <rPh sb="0" eb="2">
      <t>カワモト</t>
    </rPh>
    <rPh sb="2" eb="3">
      <t>ニシ</t>
    </rPh>
    <phoneticPr fontId="2"/>
  </si>
  <si>
    <t>696-0003</t>
  </si>
  <si>
    <t>川本町因原933-2</t>
    <rPh sb="0" eb="2">
      <t>カワモト</t>
    </rPh>
    <rPh sb="2" eb="3">
      <t>チョウ</t>
    </rPh>
    <rPh sb="3" eb="5">
      <t>インバラ</t>
    </rPh>
    <phoneticPr fontId="2"/>
  </si>
  <si>
    <t>0855-72-0680</t>
  </si>
  <si>
    <t>(72-0680)</t>
  </si>
  <si>
    <t>699-4712</t>
  </si>
  <si>
    <t>美郷町九日市118</t>
    <rPh sb="0" eb="1">
      <t>ビ</t>
    </rPh>
    <rPh sb="1" eb="2">
      <t>ゴウ</t>
    </rPh>
    <rPh sb="2" eb="3">
      <t>マチ</t>
    </rPh>
    <phoneticPr fontId="2"/>
  </si>
  <si>
    <t>0855-75-1920</t>
  </si>
  <si>
    <t>(76-0022)</t>
  </si>
  <si>
    <t>君谷公民館</t>
    <rPh sb="0" eb="1">
      <t>キミ</t>
    </rPh>
    <rPh sb="1" eb="2">
      <t>タニ</t>
    </rPh>
    <phoneticPr fontId="2"/>
  </si>
  <si>
    <t>696-1141</t>
  </si>
  <si>
    <t>0855-75-1930</t>
  </si>
  <si>
    <t>(77-0201)</t>
  </si>
  <si>
    <t>696-1131</t>
  </si>
  <si>
    <t>美郷町別府50-2</t>
  </si>
  <si>
    <t>都賀公民館</t>
    <rPh sb="0" eb="2">
      <t>ツガ</t>
    </rPh>
    <phoneticPr fontId="2"/>
  </si>
  <si>
    <t>696-0704</t>
  </si>
  <si>
    <t>美郷町都賀本郷43-1</t>
    <rPh sb="2" eb="3">
      <t>チョウ</t>
    </rPh>
    <phoneticPr fontId="2"/>
  </si>
  <si>
    <t>0855-82-3123</t>
  </si>
  <si>
    <t>(82-3125)</t>
  </si>
  <si>
    <t>比之宮公民館</t>
    <rPh sb="1" eb="2">
      <t>ノ</t>
    </rPh>
    <phoneticPr fontId="2"/>
  </si>
  <si>
    <t>696-0711</t>
  </si>
  <si>
    <t>美郷町宮内562-5</t>
    <rPh sb="2" eb="3">
      <t>チョウ</t>
    </rPh>
    <phoneticPr fontId="2"/>
  </si>
  <si>
    <t>0855-82-3474</t>
  </si>
  <si>
    <t>(82-3800)</t>
  </si>
  <si>
    <t>都賀行公民館</t>
    <rPh sb="0" eb="2">
      <t>ツガ</t>
    </rPh>
    <rPh sb="2" eb="3">
      <t>イ</t>
    </rPh>
    <phoneticPr fontId="2"/>
  </si>
  <si>
    <t>696-0705</t>
  </si>
  <si>
    <t>美郷町都賀行120-1</t>
    <rPh sb="2" eb="3">
      <t>チョウ</t>
    </rPh>
    <rPh sb="5" eb="6">
      <t>イ</t>
    </rPh>
    <phoneticPr fontId="2"/>
  </si>
  <si>
    <t>0855-82-2127</t>
  </si>
  <si>
    <t>(82-2872)</t>
  </si>
  <si>
    <t>696-0701</t>
  </si>
  <si>
    <t>美郷町潮村136</t>
    <rPh sb="2" eb="3">
      <t>チョウ</t>
    </rPh>
    <phoneticPr fontId="2"/>
  </si>
  <si>
    <t>0855-82-2194</t>
  </si>
  <si>
    <t>696-0501</t>
  </si>
  <si>
    <t>邑南町阿須那153-1</t>
  </si>
  <si>
    <t>0855-88-0001</t>
  </si>
  <si>
    <t>(88-0002)</t>
  </si>
  <si>
    <t>696-0603</t>
  </si>
  <si>
    <t>邑南町下口羽484-1　</t>
    <rPh sb="0" eb="1">
      <t>ムラ</t>
    </rPh>
    <rPh sb="1" eb="3">
      <t>ミナミマチ</t>
    </rPh>
    <rPh sb="3" eb="4">
      <t>シモ</t>
    </rPh>
    <rPh sb="4" eb="5">
      <t>オリグチ</t>
    </rPh>
    <phoneticPr fontId="2"/>
  </si>
  <si>
    <t>0855-87-0910</t>
  </si>
  <si>
    <t>696-0222</t>
  </si>
  <si>
    <t>邑南町下田所282-1</t>
  </si>
  <si>
    <t>0855-83-0518</t>
  </si>
  <si>
    <t>696-0313</t>
  </si>
  <si>
    <t>邑南町山田47-1</t>
  </si>
  <si>
    <t>0855-83-0912</t>
  </si>
  <si>
    <t>696-0406</t>
  </si>
  <si>
    <t>邑南町高見3014-3</t>
  </si>
  <si>
    <t>0855-84-0521</t>
  </si>
  <si>
    <t>(84-0523)</t>
  </si>
  <si>
    <t>696-0401</t>
  </si>
  <si>
    <t>0855-84-0651</t>
  </si>
  <si>
    <t>697-0631</t>
  </si>
  <si>
    <t>邑南町市木2046-3</t>
  </si>
  <si>
    <t>0855-85-0126</t>
  </si>
  <si>
    <t>696-0103</t>
  </si>
  <si>
    <t>邑南町矢上3835-4</t>
  </si>
  <si>
    <t>0855-95-1044</t>
  </si>
  <si>
    <t>(95-1670)</t>
  </si>
  <si>
    <t>696-0102</t>
  </si>
  <si>
    <t>邑南町中野991-1</t>
  </si>
  <si>
    <t>0855-95-0310</t>
  </si>
  <si>
    <t>696-0101</t>
  </si>
  <si>
    <t>邑南町井原2140-1</t>
  </si>
  <si>
    <t>0855-95-0301</t>
  </si>
  <si>
    <t>699-4311</t>
  </si>
  <si>
    <t>0855-97-0902</t>
  </si>
  <si>
    <t>696-0104</t>
  </si>
  <si>
    <t>邑南町日和2525-10</t>
  </si>
  <si>
    <t>0855-97-0908</t>
  </si>
  <si>
    <t>696-0506</t>
  </si>
  <si>
    <t>邑南町雪田1215-1</t>
  </si>
  <si>
    <t>0855-88-0335</t>
  </si>
  <si>
    <t>696-0505</t>
  </si>
  <si>
    <t>邑南町戸河内893-4</t>
  </si>
  <si>
    <t>0855-88-0917</t>
  </si>
  <si>
    <t>邑南町阿須那6-6</t>
  </si>
  <si>
    <t>0855-88-0320</t>
  </si>
  <si>
    <t>696-0602</t>
  </si>
  <si>
    <t>邑南町上口羽941-1</t>
  </si>
  <si>
    <t>696-0601</t>
  </si>
  <si>
    <t>邑南町上田335-1</t>
  </si>
  <si>
    <t>0855-87-0917</t>
  </si>
  <si>
    <t>邑南町下口羽1248</t>
    <rPh sb="3" eb="4">
      <t>シモ</t>
    </rPh>
    <phoneticPr fontId="1"/>
  </si>
  <si>
    <t>696-0312</t>
  </si>
  <si>
    <t>邑南町出羽4-2</t>
  </si>
  <si>
    <t>696-0404</t>
  </si>
  <si>
    <t>邑南町原村1180-3</t>
  </si>
  <si>
    <t>邑南町市木1986-2</t>
  </si>
  <si>
    <t>698-0005</t>
  </si>
  <si>
    <t>益田市本町6-8</t>
  </si>
  <si>
    <t>0856-23-5752</t>
  </si>
  <si>
    <t>698-0033</t>
  </si>
  <si>
    <t>益田市元町11-26</t>
    <rPh sb="3" eb="5">
      <t>モトマチ</t>
    </rPh>
    <phoneticPr fontId="1"/>
  </si>
  <si>
    <t>0856-31-0627</t>
  </si>
  <si>
    <t>(31-0642)</t>
  </si>
  <si>
    <t>698-0041</t>
  </si>
  <si>
    <t>益田市高津2-5-2</t>
  </si>
  <si>
    <t>0856-23-1791</t>
  </si>
  <si>
    <t>699-3676</t>
  </si>
  <si>
    <t>益田市遠田町384-6</t>
  </si>
  <si>
    <t>0856-27-0001</t>
  </si>
  <si>
    <t>699-3506</t>
  </si>
  <si>
    <t>益田市西平原町571-7</t>
  </si>
  <si>
    <t>0856-27-0501</t>
  </si>
  <si>
    <t>699-3503</t>
  </si>
  <si>
    <t>益田市下種町1179-1</t>
  </si>
  <si>
    <t>0856-27-1008</t>
  </si>
  <si>
    <t>699-3674</t>
  </si>
  <si>
    <t>益田市大草町665-1</t>
  </si>
  <si>
    <t>0856-22-0218</t>
  </si>
  <si>
    <t>698-0012</t>
  </si>
  <si>
    <t>益田市大谷町334-1</t>
  </si>
  <si>
    <t>0856-22-0205</t>
  </si>
  <si>
    <t>698-0411</t>
  </si>
  <si>
    <t>益田市波田町ｲ538-1</t>
  </si>
  <si>
    <t>0856-26-0002</t>
  </si>
  <si>
    <t>699-5132</t>
  </si>
  <si>
    <t>益田市横田町454-3</t>
  </si>
  <si>
    <t>0856-25-2222</t>
  </si>
  <si>
    <t>699-5133</t>
  </si>
  <si>
    <t>益田市神田町ｲ635-1</t>
  </si>
  <si>
    <t>0856-25-1564</t>
  </si>
  <si>
    <t>698-2254</t>
  </si>
  <si>
    <t>益田市桂平町76-1</t>
  </si>
  <si>
    <t>0856-29-0001</t>
  </si>
  <si>
    <t>699-3766</t>
  </si>
  <si>
    <t>益田市美濃地町ｲ140-1</t>
  </si>
  <si>
    <t>0856-29-0031</t>
  </si>
  <si>
    <t>699-3763</t>
  </si>
  <si>
    <t>益田市戸田町ｲ1332-10</t>
  </si>
  <si>
    <t>0856-28-0001</t>
  </si>
  <si>
    <t>698-2141</t>
  </si>
  <si>
    <t>益田市白上町ｲ744-2</t>
  </si>
  <si>
    <t>0856-28-0501</t>
  </si>
  <si>
    <t>698-0212</t>
  </si>
  <si>
    <t>益田市美都町仙道253-3</t>
    <rPh sb="0" eb="3">
      <t>マスダシ</t>
    </rPh>
    <phoneticPr fontId="2"/>
  </si>
  <si>
    <t>0856-52-2540</t>
  </si>
  <si>
    <t>(52-2193)</t>
  </si>
  <si>
    <t>698-0203</t>
  </si>
  <si>
    <t>0856-52-2295</t>
  </si>
  <si>
    <t>(52-2296)</t>
  </si>
  <si>
    <t>698-0202</t>
  </si>
  <si>
    <t>0856-52-2241</t>
  </si>
  <si>
    <t>(52-2156)</t>
  </si>
  <si>
    <t>698-1211</t>
  </si>
  <si>
    <t>0856-56-1144</t>
  </si>
  <si>
    <t>(56-0932)</t>
  </si>
  <si>
    <t>698-1221</t>
  </si>
  <si>
    <t>0856-56-0910</t>
  </si>
  <si>
    <t>(56-0912)</t>
  </si>
  <si>
    <t>698-1201</t>
  </si>
  <si>
    <t>益田市匹見町道川ｲ133-1</t>
  </si>
  <si>
    <t>0856-58-0001</t>
  </si>
  <si>
    <t>(58-0002)</t>
  </si>
  <si>
    <t>津和野中央公民館</t>
    <rPh sb="3" eb="5">
      <t>チュウオウ</t>
    </rPh>
    <phoneticPr fontId="2"/>
  </si>
  <si>
    <t>699-5605</t>
  </si>
  <si>
    <t>0856-72-2070</t>
  </si>
  <si>
    <t>699-5606</t>
  </si>
  <si>
    <t>津和野町寺田64</t>
  </si>
  <si>
    <t>0856-72-0445</t>
  </si>
  <si>
    <t>699-5616</t>
  </si>
  <si>
    <t>津和野町部栄346-1</t>
  </si>
  <si>
    <t>0856-72-2119</t>
  </si>
  <si>
    <t>699-5634</t>
  </si>
  <si>
    <t>津和野町中川416</t>
  </si>
  <si>
    <t>0856-73-0001</t>
  </si>
  <si>
    <t>699-5221</t>
  </si>
  <si>
    <t>津和野町日原22-1</t>
    <rPh sb="0" eb="4">
      <t>ツワノチョウ</t>
    </rPh>
    <phoneticPr fontId="2"/>
  </si>
  <si>
    <t>0856-74-0302</t>
  </si>
  <si>
    <t>0856-74-0360</t>
  </si>
  <si>
    <t>699-5206</t>
  </si>
  <si>
    <t>699-5207</t>
  </si>
  <si>
    <t>津和野町枕瀬464-2</t>
  </si>
  <si>
    <t>0856-74-0680</t>
  </si>
  <si>
    <t>699-5216</t>
  </si>
  <si>
    <t>津和野町池村2863-2</t>
  </si>
  <si>
    <t>699-5201</t>
  </si>
  <si>
    <t>津和野町商人1101</t>
    <rPh sb="4" eb="6">
      <t>ショウニン</t>
    </rPh>
    <phoneticPr fontId="2"/>
  </si>
  <si>
    <t>699-5202</t>
  </si>
  <si>
    <t>0856-76-0345</t>
  </si>
  <si>
    <t>699-5203</t>
  </si>
  <si>
    <t>0856-74-0711</t>
  </si>
  <si>
    <t>699-5211</t>
  </si>
  <si>
    <t>津和野町青原267-3</t>
  </si>
  <si>
    <t>0856-75-0039</t>
  </si>
  <si>
    <t>699-5513</t>
  </si>
  <si>
    <t>0856-77-1285</t>
  </si>
  <si>
    <t>(77-0040)</t>
  </si>
  <si>
    <t>0856-77-0078</t>
  </si>
  <si>
    <t>699-5301</t>
  </si>
  <si>
    <t>吉賀町柿木村柿木79-1</t>
    <rPh sb="0" eb="2">
      <t>ヨシガ</t>
    </rPh>
    <rPh sb="2" eb="3">
      <t>チョウ</t>
    </rPh>
    <phoneticPr fontId="2"/>
  </si>
  <si>
    <t>0856-79-2553</t>
  </si>
  <si>
    <t>(79-2448)</t>
  </si>
  <si>
    <t>699-5504</t>
  </si>
  <si>
    <t>0856-77-1124</t>
  </si>
  <si>
    <t>699-5523</t>
  </si>
  <si>
    <t>吉賀町朝倉709-1</t>
  </si>
  <si>
    <t>0856-78-0993</t>
  </si>
  <si>
    <t>699-5522</t>
  </si>
  <si>
    <t>吉賀町七日市942-6</t>
  </si>
  <si>
    <t>0856-78-1134</t>
  </si>
  <si>
    <t>隠岐の島町中央公民館</t>
    <rPh sb="0" eb="2">
      <t>オキ</t>
    </rPh>
    <rPh sb="3" eb="4">
      <t>シマ</t>
    </rPh>
    <rPh sb="4" eb="5">
      <t>チョウ</t>
    </rPh>
    <rPh sb="5" eb="7">
      <t>チュウオウ</t>
    </rPh>
    <rPh sb="7" eb="9">
      <t>コウミン</t>
    </rPh>
    <rPh sb="9" eb="10">
      <t>カン</t>
    </rPh>
    <phoneticPr fontId="2"/>
  </si>
  <si>
    <t>685-0014</t>
  </si>
  <si>
    <t>(2-0815)</t>
  </si>
  <si>
    <t>685-0412</t>
  </si>
  <si>
    <t>隠岐の島町布施578-1</t>
  </si>
  <si>
    <t>08512-7-4314</t>
  </si>
  <si>
    <t>(7-4251)</t>
  </si>
  <si>
    <t>685-0311</t>
  </si>
  <si>
    <t>08512-5-9011</t>
  </si>
  <si>
    <t>(5-9012)</t>
  </si>
  <si>
    <t>685-0104</t>
  </si>
  <si>
    <t>隠岐の島町都万1773-1</t>
  </si>
  <si>
    <t>08512-6-2273</t>
  </si>
  <si>
    <t>(6-2282)</t>
  </si>
  <si>
    <t>684-0403</t>
  </si>
  <si>
    <t>08514-2-1221</t>
  </si>
  <si>
    <t>(2-1633)</t>
  </si>
  <si>
    <t>西ノ島町立中央公民館</t>
    <rPh sb="0" eb="1">
      <t>ニシ</t>
    </rPh>
    <rPh sb="2" eb="3">
      <t>シマ</t>
    </rPh>
    <rPh sb="3" eb="5">
      <t>チョウリツ</t>
    </rPh>
    <rPh sb="5" eb="7">
      <t>チュウオウ</t>
    </rPh>
    <rPh sb="7" eb="10">
      <t>コウミンカン</t>
    </rPh>
    <phoneticPr fontId="1"/>
  </si>
  <si>
    <t>684-0211</t>
  </si>
  <si>
    <t>西ノ島町浦郷544-38</t>
  </si>
  <si>
    <t>08514-6-0171</t>
  </si>
  <si>
    <t>(6-1028)</t>
  </si>
  <si>
    <t>西ノ島町立黒木公民館</t>
    <rPh sb="0" eb="1">
      <t>ニシ</t>
    </rPh>
    <rPh sb="2" eb="3">
      <t>シマ</t>
    </rPh>
    <rPh sb="3" eb="5">
      <t>チョウリツ</t>
    </rPh>
    <rPh sb="5" eb="7">
      <t>クロギ</t>
    </rPh>
    <rPh sb="7" eb="10">
      <t>コウミンカン</t>
    </rPh>
    <phoneticPr fontId="1"/>
  </si>
  <si>
    <t>684-0302</t>
  </si>
  <si>
    <t>08514-7-8101</t>
  </si>
  <si>
    <t>(7-8025)</t>
  </si>
  <si>
    <t>684-0102</t>
  </si>
  <si>
    <t>08514-8-2301</t>
  </si>
  <si>
    <t>(8-2302)</t>
  </si>
  <si>
    <t>雲南市吉田町民谷456</t>
    <rPh sb="0" eb="2">
      <t>ウンナン</t>
    </rPh>
    <rPh sb="2" eb="3">
      <t>シ</t>
    </rPh>
    <rPh sb="3" eb="6">
      <t>ヨシダチョウ</t>
    </rPh>
    <rPh sb="6" eb="7">
      <t>ミン</t>
    </rPh>
    <rPh sb="7" eb="8">
      <t>タニ</t>
    </rPh>
    <phoneticPr fontId="1"/>
  </si>
  <si>
    <t>浜田市後野町779-2</t>
    <rPh sb="0" eb="3">
      <t>ハマダシ</t>
    </rPh>
    <phoneticPr fontId="1"/>
  </si>
  <si>
    <t>津和野町相撲ヶ原40</t>
    <rPh sb="4" eb="6">
      <t>スモウ</t>
    </rPh>
    <phoneticPr fontId="2"/>
  </si>
  <si>
    <t>699-1432</t>
  </si>
  <si>
    <t>奧出雲町馬馳26</t>
    <rPh sb="0" eb="1">
      <t>オク</t>
    </rPh>
    <rPh sb="1" eb="4">
      <t>イズモチョウ</t>
    </rPh>
    <phoneticPr fontId="1"/>
  </si>
  <si>
    <t>0854-54-1504</t>
  </si>
  <si>
    <t>川本中央公民館</t>
    <rPh sb="0" eb="2">
      <t>カワモト</t>
    </rPh>
    <rPh sb="2" eb="4">
      <t>チュウオウ</t>
    </rPh>
    <phoneticPr fontId="2"/>
  </si>
  <si>
    <t>696-0001</t>
  </si>
  <si>
    <t>川本町川本332-15</t>
    <rPh sb="0" eb="2">
      <t>カワモト</t>
    </rPh>
    <rPh sb="2" eb="3">
      <t>チョウ</t>
    </rPh>
    <rPh sb="3" eb="5">
      <t>カワモト</t>
    </rPh>
    <phoneticPr fontId="2"/>
  </si>
  <si>
    <t>0855-72-0594</t>
  </si>
  <si>
    <t>(72-1061)</t>
  </si>
  <si>
    <t>川本北公民館</t>
    <rPh sb="0" eb="2">
      <t>カワモト</t>
    </rPh>
    <phoneticPr fontId="2"/>
  </si>
  <si>
    <t>696-1225</t>
  </si>
  <si>
    <t>川本町南佐木201</t>
  </si>
  <si>
    <t>0855-74-8410</t>
  </si>
  <si>
    <t>(74-8410)</t>
  </si>
  <si>
    <t>松江市八雲町西岩坂355-1</t>
    <rPh sb="5" eb="6">
      <t>チョウ</t>
    </rPh>
    <phoneticPr fontId="1"/>
  </si>
  <si>
    <t>松江市</t>
    <rPh sb="0" eb="3">
      <t>マツエシ</t>
    </rPh>
    <phoneticPr fontId="1"/>
  </si>
  <si>
    <t>安来市</t>
    <rPh sb="0" eb="3">
      <t>ヤスギシ</t>
    </rPh>
    <phoneticPr fontId="1"/>
  </si>
  <si>
    <t>奥出雲町</t>
    <rPh sb="0" eb="4">
      <t>オクイズモチョウ</t>
    </rPh>
    <phoneticPr fontId="1"/>
  </si>
  <si>
    <t>邑南町</t>
    <rPh sb="0" eb="3">
      <t>オオナンチョウ</t>
    </rPh>
    <phoneticPr fontId="1"/>
  </si>
  <si>
    <t>益田市</t>
    <rPh sb="0" eb="3">
      <t>マスダシ</t>
    </rPh>
    <phoneticPr fontId="1"/>
  </si>
  <si>
    <t>津和野町</t>
    <rPh sb="0" eb="4">
      <t>ツワノチョウ</t>
    </rPh>
    <phoneticPr fontId="1"/>
  </si>
  <si>
    <t>海士町</t>
    <rPh sb="0" eb="3">
      <t>アマチョウ</t>
    </rPh>
    <phoneticPr fontId="1"/>
  </si>
  <si>
    <t>西ノ島町</t>
    <rPh sb="0" eb="1">
      <t>ニシ</t>
    </rPh>
    <rPh sb="2" eb="4">
      <t>シマチョウ</t>
    </rPh>
    <phoneticPr fontId="1"/>
  </si>
  <si>
    <t>知夫村</t>
    <rPh sb="0" eb="3">
      <t>チブムラ</t>
    </rPh>
    <phoneticPr fontId="1"/>
  </si>
  <si>
    <t>浜田市佐野町ｲ337-1</t>
    <rPh sb="0" eb="3">
      <t>ハマダシ</t>
    </rPh>
    <rPh sb="3" eb="5">
      <t>サノ</t>
    </rPh>
    <rPh sb="5" eb="6">
      <t>チョウ</t>
    </rPh>
    <phoneticPr fontId="1"/>
  </si>
  <si>
    <t>津和野町後田ﾛ66-乙</t>
    <rPh sb="10" eb="11">
      <t>オツ</t>
    </rPh>
    <phoneticPr fontId="2"/>
  </si>
  <si>
    <t>隠岐の島町西町吉田ﾉ二、２</t>
    <rPh sb="0" eb="2">
      <t>オキ</t>
    </rPh>
    <rPh sb="3" eb="4">
      <t>シマ</t>
    </rPh>
    <rPh sb="4" eb="5">
      <t>チョウ</t>
    </rPh>
    <rPh sb="7" eb="9">
      <t>ヨシダ</t>
    </rPh>
    <rPh sb="10" eb="11">
      <t>ニ</t>
    </rPh>
    <phoneticPr fontId="2"/>
  </si>
  <si>
    <t>浜田市</t>
    <rPh sb="0" eb="3">
      <t>ハマダシ</t>
    </rPh>
    <phoneticPr fontId="1"/>
  </si>
  <si>
    <t>雲南市掛合町松笠748-18</t>
    <rPh sb="3" eb="5">
      <t>カケヤ</t>
    </rPh>
    <rPh sb="5" eb="6">
      <t>チョウ</t>
    </rPh>
    <rPh sb="6" eb="8">
      <t>マツカサ</t>
    </rPh>
    <phoneticPr fontId="2"/>
  </si>
  <si>
    <t>雲南市掛合町入間498-5</t>
    <rPh sb="3" eb="5">
      <t>カケヤ</t>
    </rPh>
    <rPh sb="5" eb="6">
      <t>チョウ</t>
    </rPh>
    <rPh sb="6" eb="8">
      <t>イルマ</t>
    </rPh>
    <phoneticPr fontId="2"/>
  </si>
  <si>
    <t>鹿島公民館</t>
    <rPh sb="0" eb="2">
      <t>カシマ</t>
    </rPh>
    <rPh sb="2" eb="5">
      <t>コウミンカン</t>
    </rPh>
    <phoneticPr fontId="1"/>
  </si>
  <si>
    <t>松江市鹿島町佐陀本郷640-1</t>
    <rPh sb="0" eb="3">
      <t>マツエシ</t>
    </rPh>
    <rPh sb="3" eb="5">
      <t>カシマ</t>
    </rPh>
    <rPh sb="5" eb="6">
      <t>チョウ</t>
    </rPh>
    <rPh sb="6" eb="8">
      <t>サダ</t>
    </rPh>
    <rPh sb="8" eb="10">
      <t>ホンゴウ</t>
    </rPh>
    <phoneticPr fontId="1"/>
  </si>
  <si>
    <t>松江市宍道町宍道885-3</t>
    <rPh sb="6" eb="8">
      <t>シンジ</t>
    </rPh>
    <phoneticPr fontId="1"/>
  </si>
  <si>
    <t>渡津公民館</t>
    <rPh sb="2" eb="4">
      <t>コウミン</t>
    </rPh>
    <rPh sb="4" eb="5">
      <t>カン</t>
    </rPh>
    <phoneticPr fontId="2"/>
  </si>
  <si>
    <t>松江市東出雲町揖屋1139-2</t>
    <rPh sb="0" eb="3">
      <t>マツエシ</t>
    </rPh>
    <phoneticPr fontId="2"/>
  </si>
  <si>
    <t>浜田市旭町和田1284</t>
    <rPh sb="5" eb="7">
      <t>ワダ</t>
    </rPh>
    <phoneticPr fontId="1"/>
  </si>
  <si>
    <t>市町村名</t>
    <rPh sb="0" eb="4">
      <t>シチョウソンメイ</t>
    </rPh>
    <phoneticPr fontId="5"/>
  </si>
  <si>
    <t>郵便番号</t>
    <rPh sb="0" eb="2">
      <t>ユウビン</t>
    </rPh>
    <rPh sb="2" eb="4">
      <t>バンゴウ</t>
    </rPh>
    <phoneticPr fontId="5"/>
  </si>
  <si>
    <t>住所</t>
    <rPh sb="0" eb="2">
      <t>ジュウショ</t>
    </rPh>
    <phoneticPr fontId="5"/>
  </si>
  <si>
    <t>電話番号</t>
    <rPh sb="0" eb="2">
      <t>デンワ</t>
    </rPh>
    <rPh sb="2" eb="4">
      <t>バンゴウ</t>
    </rPh>
    <phoneticPr fontId="5"/>
  </si>
  <si>
    <t>出雲市</t>
    <rPh sb="0" eb="2">
      <t>イズモ</t>
    </rPh>
    <rPh sb="2" eb="3">
      <t>シ</t>
    </rPh>
    <phoneticPr fontId="1"/>
  </si>
  <si>
    <t>雲南市</t>
    <rPh sb="0" eb="2">
      <t>ウンナン</t>
    </rPh>
    <rPh sb="2" eb="3">
      <t>シ</t>
    </rPh>
    <phoneticPr fontId="1"/>
  </si>
  <si>
    <t>飯南町</t>
    <rPh sb="0" eb="2">
      <t>イイナン</t>
    </rPh>
    <rPh sb="2" eb="3">
      <t>チョウ</t>
    </rPh>
    <phoneticPr fontId="1"/>
  </si>
  <si>
    <t>大田市</t>
    <rPh sb="0" eb="2">
      <t>オオダ</t>
    </rPh>
    <rPh sb="2" eb="3">
      <t>シ</t>
    </rPh>
    <phoneticPr fontId="1"/>
  </si>
  <si>
    <t>江津市</t>
    <rPh sb="0" eb="2">
      <t>ゴウツ</t>
    </rPh>
    <rPh sb="2" eb="3">
      <t>シ</t>
    </rPh>
    <phoneticPr fontId="1"/>
  </si>
  <si>
    <t>川本町</t>
    <rPh sb="0" eb="2">
      <t>カワモト</t>
    </rPh>
    <rPh sb="2" eb="3">
      <t>マチ</t>
    </rPh>
    <phoneticPr fontId="1"/>
  </si>
  <si>
    <t>美郷町</t>
    <rPh sb="0" eb="1">
      <t>ビ</t>
    </rPh>
    <rPh sb="1" eb="3">
      <t>ゴウマチ</t>
    </rPh>
    <phoneticPr fontId="1"/>
  </si>
  <si>
    <t>吉賀町</t>
    <rPh sb="0" eb="2">
      <t>ヨシカ</t>
    </rPh>
    <rPh sb="2" eb="3">
      <t>チョウ</t>
    </rPh>
    <phoneticPr fontId="1"/>
  </si>
  <si>
    <t>隠岐の島町</t>
    <rPh sb="0" eb="2">
      <t>オキ</t>
    </rPh>
    <rPh sb="4" eb="5">
      <t>チョウ</t>
    </rPh>
    <phoneticPr fontId="1"/>
  </si>
  <si>
    <t>分館</t>
    <rPh sb="0" eb="2">
      <t>ブンカン</t>
    </rPh>
    <phoneticPr fontId="1"/>
  </si>
  <si>
    <t>公民館</t>
    <rPh sb="0" eb="3">
      <t>コウミンカン</t>
    </rPh>
    <phoneticPr fontId="5"/>
  </si>
  <si>
    <t>平原分館</t>
    <rPh sb="0" eb="2">
      <t>ヒラハラ</t>
    </rPh>
    <rPh sb="2" eb="4">
      <t>ブンカン</t>
    </rPh>
    <phoneticPr fontId="1"/>
  </si>
  <si>
    <t>石見公民館</t>
  </si>
  <si>
    <t>宇津井分館</t>
    <rPh sb="0" eb="3">
      <t>ウツイ</t>
    </rPh>
    <phoneticPr fontId="1"/>
  </si>
  <si>
    <t>佐野分館</t>
    <rPh sb="0" eb="2">
      <t>サノ</t>
    </rPh>
    <rPh sb="2" eb="4">
      <t>ブンカン</t>
    </rPh>
    <phoneticPr fontId="1"/>
  </si>
  <si>
    <t>後野分館</t>
    <rPh sb="0" eb="1">
      <t>ウシロ</t>
    </rPh>
    <rPh sb="1" eb="2">
      <t>ノ</t>
    </rPh>
    <rPh sb="2" eb="4">
      <t>ブンカン</t>
    </rPh>
    <phoneticPr fontId="1"/>
  </si>
  <si>
    <t>東分館</t>
    <rPh sb="0" eb="1">
      <t>ヒガシ</t>
    </rPh>
    <rPh sb="1" eb="2">
      <t>ビトウ</t>
    </rPh>
    <phoneticPr fontId="1"/>
  </si>
  <si>
    <t>宇野分館</t>
    <rPh sb="0" eb="2">
      <t>ウノ</t>
    </rPh>
    <phoneticPr fontId="1"/>
  </si>
  <si>
    <t>有福分館</t>
    <rPh sb="0" eb="2">
      <t>アリフク</t>
    </rPh>
    <rPh sb="1" eb="2">
      <t>コクユウ</t>
    </rPh>
    <phoneticPr fontId="1"/>
  </si>
  <si>
    <t>潮分館</t>
    <rPh sb="0" eb="1">
      <t>ウシオ</t>
    </rPh>
    <rPh sb="1" eb="3">
      <t>ブンカン</t>
    </rPh>
    <phoneticPr fontId="2"/>
  </si>
  <si>
    <t>口羽分館</t>
    <rPh sb="0" eb="2">
      <t>クチバ</t>
    </rPh>
    <phoneticPr fontId="1"/>
  </si>
  <si>
    <t>滝元分館</t>
    <rPh sb="0" eb="2">
      <t>タキモト</t>
    </rPh>
    <rPh sb="2" eb="4">
      <t>ブンカン</t>
    </rPh>
    <phoneticPr fontId="2"/>
  </si>
  <si>
    <t>枕瀬分館</t>
    <rPh sb="2" eb="4">
      <t>ブンカン</t>
    </rPh>
    <phoneticPr fontId="2"/>
  </si>
  <si>
    <t>池河分館</t>
    <rPh sb="0" eb="1">
      <t>イケ</t>
    </rPh>
    <rPh sb="1" eb="2">
      <t>カワ</t>
    </rPh>
    <rPh sb="2" eb="4">
      <t>ブンカン</t>
    </rPh>
    <phoneticPr fontId="2"/>
  </si>
  <si>
    <t>商人溪村分館</t>
    <rPh sb="0" eb="2">
      <t>ショウニン</t>
    </rPh>
    <phoneticPr fontId="2"/>
  </si>
  <si>
    <t>島根県雲南市三刀屋町乙加宮1208-1</t>
  </si>
  <si>
    <t>緯度</t>
    <rPh sb="0" eb="2">
      <t>イド</t>
    </rPh>
    <phoneticPr fontId="1"/>
  </si>
  <si>
    <t>経度</t>
    <rPh sb="0" eb="2">
      <t>ケイド</t>
    </rPh>
    <phoneticPr fontId="1"/>
  </si>
  <si>
    <t>種別</t>
    <rPh sb="0" eb="2">
      <t>シュベツ</t>
    </rPh>
    <phoneticPr fontId="1"/>
  </si>
  <si>
    <t>市木公民館</t>
  </si>
  <si>
    <t>FAX</t>
  </si>
  <si>
    <t xml:space="preserve">城東公民館 </t>
  </si>
  <si>
    <t>城北公民館</t>
  </si>
  <si>
    <t>城西公民館</t>
  </si>
  <si>
    <t>白潟公民館</t>
  </si>
  <si>
    <t>朝日公民館</t>
  </si>
  <si>
    <t>雑賀公民館</t>
  </si>
  <si>
    <t>松江市雑賀町677</t>
  </si>
  <si>
    <t>津田公民館</t>
  </si>
  <si>
    <t>古志原公民館</t>
  </si>
  <si>
    <t>川津公民館</t>
  </si>
  <si>
    <t>朝酌公民館</t>
  </si>
  <si>
    <t>法吉公民館</t>
  </si>
  <si>
    <t>竹矢公民館</t>
  </si>
  <si>
    <t>乃木公民館</t>
  </si>
  <si>
    <t>忌部公民館</t>
  </si>
  <si>
    <t>大庭公民館</t>
  </si>
  <si>
    <t>生馬公民館</t>
  </si>
  <si>
    <t>持田公民館</t>
  </si>
  <si>
    <t>古江公民館</t>
  </si>
  <si>
    <t>本庄公民館</t>
  </si>
  <si>
    <t>大野公民館</t>
  </si>
  <si>
    <t>秋鹿公民館</t>
  </si>
  <si>
    <t>690-0332</t>
  </si>
  <si>
    <t>0852-55-5716</t>
  </si>
  <si>
    <t>(55-5718)</t>
  </si>
  <si>
    <t>島根公民館</t>
  </si>
  <si>
    <t>美保関公民館</t>
  </si>
  <si>
    <t>七類地区公民館</t>
  </si>
  <si>
    <t>八雲公民館</t>
  </si>
  <si>
    <t>玉湯公民館</t>
  </si>
  <si>
    <t>松江市玉湯町湯町1796</t>
  </si>
  <si>
    <t>699-0401</t>
  </si>
  <si>
    <t xml:space="preserve">揖屋公民館  </t>
  </si>
  <si>
    <t>出雲郷公民館</t>
  </si>
  <si>
    <t>意東公民館</t>
  </si>
  <si>
    <t>上意東公民館</t>
  </si>
  <si>
    <t>(23-3155)</t>
  </si>
  <si>
    <t>安来市広瀬町広瀬811</t>
  </si>
  <si>
    <t>安来市広瀬町下山佐498</t>
  </si>
  <si>
    <t>安来市伯太町安田中158</t>
  </si>
  <si>
    <t>安来市伯太町母里28</t>
  </si>
  <si>
    <t>安来市伯太町井尻77</t>
  </si>
  <si>
    <t>(24-1706)</t>
  </si>
  <si>
    <t>出雲市小山町650-21</t>
  </si>
  <si>
    <t>出雲市大社町鷺浦1045-1</t>
  </si>
  <si>
    <t>雲南市大東町塩田84</t>
  </si>
  <si>
    <t>雲南市木次町里方912</t>
  </si>
  <si>
    <t>雲南市三刀屋町給下764</t>
  </si>
  <si>
    <t>雲南市三刀屋町中野375-2</t>
  </si>
  <si>
    <t>(74-0232)</t>
  </si>
  <si>
    <t>690-2802</t>
  </si>
  <si>
    <t>0854-74-0530</t>
  </si>
  <si>
    <t>(74-9344)</t>
  </si>
  <si>
    <t>布勢公民館</t>
  </si>
  <si>
    <t>亀嵩公民館</t>
  </si>
  <si>
    <t>阿井公民館</t>
  </si>
  <si>
    <t>三沢公民館</t>
  </si>
  <si>
    <t>奧出雲町三沢383</t>
  </si>
  <si>
    <t>鳥上公民館</t>
  </si>
  <si>
    <t>横田公民館</t>
  </si>
  <si>
    <t>奧出雲町横田1037</t>
  </si>
  <si>
    <t>八川公民館</t>
  </si>
  <si>
    <t>馬木公民館</t>
  </si>
  <si>
    <t>頓原公民館</t>
  </si>
  <si>
    <t>志々公民館</t>
  </si>
  <si>
    <t>赤名公民館</t>
  </si>
  <si>
    <t>飯南町下赤名862</t>
  </si>
  <si>
    <t>来島公民館</t>
  </si>
  <si>
    <t>谷公民館</t>
  </si>
  <si>
    <t>浜田公民館</t>
  </si>
  <si>
    <t>細谷分館</t>
  </si>
  <si>
    <t>浜田市三階町376</t>
  </si>
  <si>
    <t>長見分館</t>
  </si>
  <si>
    <t>697-0311</t>
  </si>
  <si>
    <t>0855-42-0689</t>
  </si>
  <si>
    <t>(42-1995)</t>
  </si>
  <si>
    <t>697-0011</t>
  </si>
  <si>
    <t>0855-23-2419</t>
  </si>
  <si>
    <t>(23-4239)</t>
  </si>
  <si>
    <t>長浜公民館</t>
  </si>
  <si>
    <t>周布公民館</t>
  </si>
  <si>
    <t>浜田市周布町ｲ374</t>
  </si>
  <si>
    <t>美川公民館</t>
  </si>
  <si>
    <t>西分館</t>
  </si>
  <si>
    <t>大麻公民館</t>
  </si>
  <si>
    <t>国府公民館</t>
  </si>
  <si>
    <t>雲城公民館</t>
  </si>
  <si>
    <t>浜田市金城町下来原171</t>
  </si>
  <si>
    <t>今福公民館</t>
  </si>
  <si>
    <t>波佐公民館</t>
  </si>
  <si>
    <t>小国公民館</t>
  </si>
  <si>
    <t>久佐公民館</t>
  </si>
  <si>
    <t>美又公民館</t>
  </si>
  <si>
    <t>浜田市金城町追原176</t>
  </si>
  <si>
    <t>今市公民館</t>
  </si>
  <si>
    <t>木田公民館</t>
  </si>
  <si>
    <t>和田公民館</t>
  </si>
  <si>
    <t>都川公民館</t>
  </si>
  <si>
    <t>浜田市旭町都川889</t>
  </si>
  <si>
    <t>三隅公民館</t>
  </si>
  <si>
    <t>浜田市三隅町向野田581</t>
  </si>
  <si>
    <t>三保公民館</t>
  </si>
  <si>
    <t>浜田市三隅町湊浦120</t>
  </si>
  <si>
    <t>岡見公民館</t>
  </si>
  <si>
    <t>浜田市三隅町岡見516</t>
  </si>
  <si>
    <t>井野公民館</t>
  </si>
  <si>
    <t>浜田市三隅町井野ﾍ1816-2</t>
  </si>
  <si>
    <t>黒沢公民館</t>
  </si>
  <si>
    <t>浜田市三隅町下古和1518</t>
  </si>
  <si>
    <t>白砂公民館</t>
  </si>
  <si>
    <t xml:space="preserve">浜田市三隅町折居883   </t>
  </si>
  <si>
    <t>(82-9952)</t>
  </si>
  <si>
    <t>(84-8122)</t>
  </si>
  <si>
    <t>(65-3114)</t>
  </si>
  <si>
    <t>仁摩公民館</t>
  </si>
  <si>
    <t>大田市富山町山中1740</t>
  </si>
  <si>
    <t>多根分館</t>
  </si>
  <si>
    <t>0854-89-0330</t>
  </si>
  <si>
    <t>大田市水上町三久須21</t>
  </si>
  <si>
    <t>大田市祖式町546-1</t>
  </si>
  <si>
    <t>大田市温泉津町湯里1655</t>
  </si>
  <si>
    <t>大田市温泉津町福光ﾊ467-1</t>
  </si>
  <si>
    <t>大田市温泉津町井田ﾛ255</t>
  </si>
  <si>
    <t>大田市仁摩町大国1269</t>
  </si>
  <si>
    <t>郷田公民館</t>
  </si>
  <si>
    <t>金田公民館</t>
  </si>
  <si>
    <t>江津市金田町214</t>
  </si>
  <si>
    <t>江津市波子町ｲ1272-4</t>
  </si>
  <si>
    <t>江津市桜江町谷住郷1871</t>
  </si>
  <si>
    <t>沢谷公民館</t>
  </si>
  <si>
    <t>美郷町京覧原277</t>
  </si>
  <si>
    <t>別府公民館</t>
  </si>
  <si>
    <t>阿須那公民館</t>
  </si>
  <si>
    <t>雪田分館</t>
  </si>
  <si>
    <t>戸河内分館</t>
  </si>
  <si>
    <t>阿須那分館</t>
  </si>
  <si>
    <t>口羽公民館</t>
  </si>
  <si>
    <t>上口羽分館</t>
  </si>
  <si>
    <t>長田分館</t>
  </si>
  <si>
    <t>田所公民館</t>
  </si>
  <si>
    <t>出羽公民館</t>
  </si>
  <si>
    <t>出羽分館</t>
  </si>
  <si>
    <t>高原公民館</t>
  </si>
  <si>
    <t>高原分館</t>
  </si>
  <si>
    <t>布施公民館</t>
  </si>
  <si>
    <t>邑南町布施496</t>
  </si>
  <si>
    <t>市木分館</t>
  </si>
  <si>
    <t>矢上公民館</t>
  </si>
  <si>
    <t>中野公民館</t>
  </si>
  <si>
    <t>井原公民館</t>
  </si>
  <si>
    <t>日貫公民館</t>
  </si>
  <si>
    <t>邑南町日貫1168</t>
  </si>
  <si>
    <t>日和公民館</t>
  </si>
  <si>
    <t>益田公民館</t>
  </si>
  <si>
    <t>吉田公民館</t>
  </si>
  <si>
    <t>高津公民館</t>
  </si>
  <si>
    <t>安田公民館</t>
  </si>
  <si>
    <t>鎌手公民館</t>
  </si>
  <si>
    <t>種公民館</t>
  </si>
  <si>
    <t>北仙道公民館</t>
  </si>
  <si>
    <t>豊川公民館</t>
  </si>
  <si>
    <t>真砂公民館</t>
  </si>
  <si>
    <t>豊田公民館</t>
  </si>
  <si>
    <t>西益田公民館</t>
  </si>
  <si>
    <t>二条公民館</t>
  </si>
  <si>
    <t>美濃公民館</t>
  </si>
  <si>
    <t>小野公民館</t>
  </si>
  <si>
    <t>中西公民館</t>
  </si>
  <si>
    <t>東仙道公民館</t>
  </si>
  <si>
    <t>都茂公民館</t>
  </si>
  <si>
    <t>益田市美都町都茂1692甲</t>
  </si>
  <si>
    <t>二川公民館</t>
  </si>
  <si>
    <t>益田市美都町宇津川ﾛ377-3</t>
  </si>
  <si>
    <t>匹見上公民館</t>
  </si>
  <si>
    <t>益田市匹見町匹見ｲ674</t>
  </si>
  <si>
    <t>匹見下公民館</t>
  </si>
  <si>
    <t>益田市匹見町澄川イ327</t>
  </si>
  <si>
    <t>道川公民館</t>
  </si>
  <si>
    <t>津和野公民館</t>
  </si>
  <si>
    <t>小川公民館</t>
  </si>
  <si>
    <t>畑迫公民館</t>
  </si>
  <si>
    <t>木部公民館</t>
  </si>
  <si>
    <t>日原中央公民館</t>
  </si>
  <si>
    <t>日原公民館</t>
  </si>
  <si>
    <t>津和野町滝元24</t>
  </si>
  <si>
    <t>左鐙公民館</t>
  </si>
  <si>
    <t>津和野町左鐙905</t>
  </si>
  <si>
    <t>須川公民館</t>
  </si>
  <si>
    <t>青原公民館</t>
  </si>
  <si>
    <t>中央公民館</t>
  </si>
  <si>
    <t>吉賀町六日市648</t>
  </si>
  <si>
    <t>六日市公民館</t>
  </si>
  <si>
    <t>柿木公民館</t>
  </si>
  <si>
    <t>蔵木公民館</t>
  </si>
  <si>
    <t>吉賀町蔵木94</t>
  </si>
  <si>
    <t>朝倉公民館</t>
  </si>
  <si>
    <t>七日市公民館</t>
  </si>
  <si>
    <t>08512-2-0003</t>
  </si>
  <si>
    <t>五箇公民館</t>
  </si>
  <si>
    <t>隠岐の島町郡74</t>
  </si>
  <si>
    <t>都万公民館</t>
  </si>
  <si>
    <t>海士町海士1490</t>
  </si>
  <si>
    <t>西ノ島町別府46</t>
  </si>
  <si>
    <t>知夫村公民館</t>
  </si>
  <si>
    <t>知夫村1065</t>
  </si>
  <si>
    <t>安来中央交流センター</t>
    <rPh sb="0" eb="2">
      <t>ヤスギ</t>
    </rPh>
    <rPh sb="2" eb="4">
      <t>チュウオウ</t>
    </rPh>
    <rPh sb="4" eb="6">
      <t>コウリュウ</t>
    </rPh>
    <phoneticPr fontId="2"/>
  </si>
  <si>
    <t>十神交流センター</t>
    <rPh sb="2" eb="4">
      <t>コウリュウ</t>
    </rPh>
    <phoneticPr fontId="2"/>
  </si>
  <si>
    <t>社日交流センター</t>
    <rPh sb="2" eb="4">
      <t>コウリュウ</t>
    </rPh>
    <phoneticPr fontId="2"/>
  </si>
  <si>
    <t>島田交流センター</t>
    <rPh sb="2" eb="4">
      <t>コウリュウ</t>
    </rPh>
    <phoneticPr fontId="2"/>
  </si>
  <si>
    <t>宇賀荘交流センター</t>
    <rPh sb="3" eb="5">
      <t>コウリュウ</t>
    </rPh>
    <phoneticPr fontId="2"/>
  </si>
  <si>
    <t>大塚交流センター</t>
    <rPh sb="2" eb="4">
      <t>コウリュウ</t>
    </rPh>
    <phoneticPr fontId="2"/>
  </si>
  <si>
    <t>吉田交流センター</t>
  </si>
  <si>
    <t>吉田交流センター</t>
    <rPh sb="2" eb="4">
      <t>コウリュウ</t>
    </rPh>
    <phoneticPr fontId="2"/>
  </si>
  <si>
    <t>能義交流センター</t>
    <rPh sb="2" eb="4">
      <t>コウリュウ</t>
    </rPh>
    <phoneticPr fontId="2"/>
  </si>
  <si>
    <t>飯梨交流センター</t>
    <rPh sb="2" eb="4">
      <t>コウリュウ</t>
    </rPh>
    <phoneticPr fontId="2"/>
  </si>
  <si>
    <t>荒島交流センター</t>
    <rPh sb="2" eb="4">
      <t>コウリュウ</t>
    </rPh>
    <phoneticPr fontId="2"/>
  </si>
  <si>
    <t>赤江交流センター</t>
    <rPh sb="2" eb="4">
      <t>コウリュウ</t>
    </rPh>
    <phoneticPr fontId="2"/>
  </si>
  <si>
    <t>広瀬中央交流センター</t>
    <rPh sb="2" eb="4">
      <t>チュウオウ</t>
    </rPh>
    <rPh sb="4" eb="6">
      <t>コウリュウ</t>
    </rPh>
    <phoneticPr fontId="2"/>
  </si>
  <si>
    <t>広瀬交流センター</t>
    <rPh sb="2" eb="4">
      <t>コウリュウ</t>
    </rPh>
    <phoneticPr fontId="2"/>
  </si>
  <si>
    <t>布部交流センター</t>
    <rPh sb="2" eb="4">
      <t>コウリュウ</t>
    </rPh>
    <phoneticPr fontId="2"/>
  </si>
  <si>
    <t>宇波交流センター</t>
    <rPh sb="2" eb="4">
      <t>コウリュウ</t>
    </rPh>
    <phoneticPr fontId="2"/>
  </si>
  <si>
    <t>比田交流センター</t>
    <rPh sb="2" eb="4">
      <t>コウリュウ</t>
    </rPh>
    <phoneticPr fontId="2"/>
  </si>
  <si>
    <t>東比田交流センター</t>
    <rPh sb="3" eb="5">
      <t>コウリュウ</t>
    </rPh>
    <phoneticPr fontId="2"/>
  </si>
  <si>
    <t>山佐交流センター</t>
    <rPh sb="2" eb="4">
      <t>コウリュウ</t>
    </rPh>
    <phoneticPr fontId="2"/>
  </si>
  <si>
    <t>下山佐交流センター</t>
    <rPh sb="3" eb="5">
      <t>コウリュウ</t>
    </rPh>
    <phoneticPr fontId="2"/>
  </si>
  <si>
    <t>西谷交流センター</t>
    <rPh sb="0" eb="2">
      <t>ニシタニ</t>
    </rPh>
    <rPh sb="2" eb="4">
      <t>コウリュウ</t>
    </rPh>
    <phoneticPr fontId="2"/>
  </si>
  <si>
    <t>奥田原交流センター</t>
    <rPh sb="0" eb="1">
      <t>オク</t>
    </rPh>
    <rPh sb="1" eb="3">
      <t>タハラ</t>
    </rPh>
    <rPh sb="3" eb="5">
      <t>コウリュウ</t>
    </rPh>
    <phoneticPr fontId="2"/>
  </si>
  <si>
    <t>菅原交流センター</t>
    <rPh sb="0" eb="2">
      <t>スガハラ</t>
    </rPh>
    <rPh sb="2" eb="4">
      <t>コウリュウ</t>
    </rPh>
    <phoneticPr fontId="2"/>
  </si>
  <si>
    <t>伯太中央交流センター</t>
    <rPh sb="4" eb="6">
      <t>コウリュウ</t>
    </rPh>
    <phoneticPr fontId="2"/>
  </si>
  <si>
    <t>安田交流センター</t>
    <rPh sb="2" eb="4">
      <t>コウリュウ</t>
    </rPh>
    <phoneticPr fontId="2"/>
  </si>
  <si>
    <t>母里交流センター</t>
    <rPh sb="2" eb="4">
      <t>コウリュウ</t>
    </rPh>
    <phoneticPr fontId="2"/>
  </si>
  <si>
    <t>井尻交流センター</t>
    <rPh sb="2" eb="4">
      <t>コウリュウ</t>
    </rPh>
    <phoneticPr fontId="2"/>
  </si>
  <si>
    <t>赤屋交流センター</t>
    <rPh sb="2" eb="4">
      <t>コウリュウ</t>
    </rPh>
    <phoneticPr fontId="2"/>
  </si>
  <si>
    <t>大東交流センター</t>
    <rPh sb="2" eb="4">
      <t>コウリュウ</t>
    </rPh>
    <phoneticPr fontId="2"/>
  </si>
  <si>
    <t>春殖交流センター</t>
  </si>
  <si>
    <t>幡屋交流センター</t>
  </si>
  <si>
    <t>佐世交流センター</t>
  </si>
  <si>
    <t>阿用交流センター</t>
  </si>
  <si>
    <t>久野交流センター</t>
  </si>
  <si>
    <t>海潮交流センター</t>
  </si>
  <si>
    <t>塩田交流センター</t>
  </si>
  <si>
    <t>加茂交流センター</t>
    <rPh sb="0" eb="2">
      <t>カモ</t>
    </rPh>
    <rPh sb="2" eb="4">
      <t>コウリュウ</t>
    </rPh>
    <phoneticPr fontId="1"/>
  </si>
  <si>
    <t>八日市交流センター</t>
    <rPh sb="0" eb="1">
      <t>ヤツ</t>
    </rPh>
    <rPh sb="1" eb="2">
      <t>カ</t>
    </rPh>
    <rPh sb="2" eb="3">
      <t>イチ</t>
    </rPh>
    <phoneticPr fontId="1"/>
  </si>
  <si>
    <t>三新塔交流センター</t>
    <rPh sb="0" eb="1">
      <t>サン</t>
    </rPh>
    <rPh sb="1" eb="2">
      <t>シン</t>
    </rPh>
    <rPh sb="2" eb="3">
      <t>トウ</t>
    </rPh>
    <rPh sb="3" eb="5">
      <t>コウリュウ</t>
    </rPh>
    <phoneticPr fontId="1"/>
  </si>
  <si>
    <t>新市交流センター</t>
    <rPh sb="0" eb="2">
      <t>シンイチ</t>
    </rPh>
    <phoneticPr fontId="1"/>
  </si>
  <si>
    <t>下熊谷交流センター</t>
    <rPh sb="0" eb="1">
      <t>シモ</t>
    </rPh>
    <rPh sb="1" eb="3">
      <t>クマガヤ</t>
    </rPh>
    <phoneticPr fontId="1"/>
  </si>
  <si>
    <t>斐伊交流センター</t>
  </si>
  <si>
    <t>日登交流センター</t>
  </si>
  <si>
    <t>西日登交流センター</t>
  </si>
  <si>
    <t>温泉交流センター</t>
  </si>
  <si>
    <t>三刀屋交流センター</t>
  </si>
  <si>
    <t>一宮交流センター</t>
  </si>
  <si>
    <t>鍋山交流センター</t>
  </si>
  <si>
    <t>飯石交流センター</t>
  </si>
  <si>
    <t>中野交流センター</t>
  </si>
  <si>
    <t>民谷交流センター</t>
    <rPh sb="0" eb="1">
      <t>ミン</t>
    </rPh>
    <rPh sb="1" eb="2">
      <t>タニ</t>
    </rPh>
    <rPh sb="2" eb="4">
      <t>コウリュウ</t>
    </rPh>
    <phoneticPr fontId="1"/>
  </si>
  <si>
    <t>田井交流センター</t>
  </si>
  <si>
    <t>掛合交流センター</t>
    <rPh sb="0" eb="1">
      <t>カカリ</t>
    </rPh>
    <rPh sb="1" eb="2">
      <t>ゴウ</t>
    </rPh>
    <phoneticPr fontId="2"/>
  </si>
  <si>
    <t>多根交流センター</t>
    <rPh sb="0" eb="1">
      <t>タ</t>
    </rPh>
    <rPh sb="1" eb="2">
      <t>ネ</t>
    </rPh>
    <phoneticPr fontId="2"/>
  </si>
  <si>
    <t>松笠交流センター</t>
    <rPh sb="0" eb="1">
      <t>マツ</t>
    </rPh>
    <rPh sb="1" eb="2">
      <t>カサ</t>
    </rPh>
    <phoneticPr fontId="2"/>
  </si>
  <si>
    <t>波多交流センター</t>
    <rPh sb="0" eb="1">
      <t>ナミ</t>
    </rPh>
    <rPh sb="1" eb="2">
      <t>タ</t>
    </rPh>
    <phoneticPr fontId="2"/>
  </si>
  <si>
    <t>入間交流センター</t>
    <rPh sb="0" eb="1">
      <t>イリ</t>
    </rPh>
    <rPh sb="1" eb="2">
      <t>カン</t>
    </rPh>
    <phoneticPr fontId="2"/>
  </si>
  <si>
    <t>大田まちづくりセンター</t>
    <rPh sb="0" eb="2">
      <t>オオダ</t>
    </rPh>
    <phoneticPr fontId="2"/>
  </si>
  <si>
    <t>川合まちづくりセンター</t>
  </si>
  <si>
    <t>久利まちづくりセンター</t>
  </si>
  <si>
    <t>大屋まちづくりセンター</t>
  </si>
  <si>
    <t>朝山まちづくりセンター</t>
  </si>
  <si>
    <t>富山まちづくりセンター</t>
    <rPh sb="0" eb="2">
      <t>トヤマ</t>
    </rPh>
    <phoneticPr fontId="1"/>
  </si>
  <si>
    <t>波根まちづくりセンター</t>
  </si>
  <si>
    <t>久手まちづくりセンター</t>
  </si>
  <si>
    <t>鳥井まちづくりセンター</t>
  </si>
  <si>
    <t>長久まちづくりセンター</t>
  </si>
  <si>
    <t>静間まちづくりセンター</t>
  </si>
  <si>
    <t>五十猛まちづくりセンター</t>
  </si>
  <si>
    <t>池田まちづくりセンター</t>
  </si>
  <si>
    <t>志学まちづくりセンター</t>
  </si>
  <si>
    <t>北三瓶まちづくりセンター</t>
  </si>
  <si>
    <t>大森まちづくりセンター</t>
  </si>
  <si>
    <t>水上まちづくりセンター</t>
  </si>
  <si>
    <t>祖式まちづくりセンター</t>
  </si>
  <si>
    <t>大代まちづくりセンター</t>
  </si>
  <si>
    <t>温泉津まちづくりセンター</t>
    <rPh sb="0" eb="3">
      <t>ユノツ</t>
    </rPh>
    <phoneticPr fontId="2"/>
  </si>
  <si>
    <t>湯里まちづくりセンター</t>
  </si>
  <si>
    <t>福波まちづくりセンター</t>
  </si>
  <si>
    <t>井田まちづくりセンター</t>
  </si>
  <si>
    <t>仁万まちづくりセンター</t>
    <rPh sb="1" eb="2">
      <t>マン</t>
    </rPh>
    <phoneticPr fontId="2"/>
  </si>
  <si>
    <t>宅野まちづくりセンター</t>
    <rPh sb="0" eb="1">
      <t>タク</t>
    </rPh>
    <rPh sb="1" eb="2">
      <t>ノ</t>
    </rPh>
    <phoneticPr fontId="1"/>
  </si>
  <si>
    <t>大国まちづくりセンター</t>
  </si>
  <si>
    <t>馬路まちづくりセンター</t>
    <rPh sb="0" eb="1">
      <t>ウマ</t>
    </rPh>
    <rPh sb="1" eb="2">
      <t>ミチ</t>
    </rPh>
    <phoneticPr fontId="1"/>
  </si>
  <si>
    <t>今市コミュニティセンター</t>
  </si>
  <si>
    <t>大津コミュニティセンター</t>
  </si>
  <si>
    <t>塩冶コミュニティセンター</t>
  </si>
  <si>
    <t>古志コミュニティセンター</t>
  </si>
  <si>
    <t>高松コミュニティセンター</t>
  </si>
  <si>
    <t>四絡コミュニティセンター</t>
  </si>
  <si>
    <t>高浜コミュニティセンター</t>
  </si>
  <si>
    <t>川跡コミュニティセンター</t>
  </si>
  <si>
    <t>鳶巣コミュニティセンター</t>
  </si>
  <si>
    <t>上津コミュニティセンター</t>
  </si>
  <si>
    <t>稗原コミュニティセンター</t>
  </si>
  <si>
    <t>朝山コミュニティセンター</t>
  </si>
  <si>
    <t>乙立コミュニティセンター</t>
  </si>
  <si>
    <t>神門コミュニティセンター</t>
  </si>
  <si>
    <t>神西コミュニティセンター</t>
  </si>
  <si>
    <t>長浜コミュニティセンター</t>
  </si>
  <si>
    <t>平田コミュニティセンター</t>
  </si>
  <si>
    <t>灘分コミュニティセンター</t>
  </si>
  <si>
    <t>国富コミュニティセンター</t>
  </si>
  <si>
    <t>西田コミュニティセンター</t>
  </si>
  <si>
    <t>鰐淵コミュニティセンター</t>
  </si>
  <si>
    <t>久多美コミュニティセンター</t>
  </si>
  <si>
    <t>檜山コミュニティセンター</t>
  </si>
  <si>
    <t>東コミュニティセンター</t>
  </si>
  <si>
    <t>北浜コミュニティセンター</t>
  </si>
  <si>
    <t>佐香コミュニティセンター</t>
  </si>
  <si>
    <t>伊野コミュニティセンター</t>
  </si>
  <si>
    <t>須佐コミュニティセンター</t>
    <rPh sb="0" eb="2">
      <t>スサ</t>
    </rPh>
    <phoneticPr fontId="1"/>
  </si>
  <si>
    <t>窪田コミュニティセンター</t>
    <rPh sb="0" eb="2">
      <t>クボタ</t>
    </rPh>
    <phoneticPr fontId="2"/>
  </si>
  <si>
    <t>多伎コミュニティセンター</t>
  </si>
  <si>
    <t>湖陵コミュニティセンター</t>
  </si>
  <si>
    <t>大社コミュニティセンター</t>
  </si>
  <si>
    <t>荒木コミュニティセンター</t>
  </si>
  <si>
    <t>遙堪コミュニティセンター</t>
    <rPh sb="0" eb="2">
      <t>ヨウカン</t>
    </rPh>
    <phoneticPr fontId="2"/>
  </si>
  <si>
    <t>日御碕コミュニティセンター</t>
  </si>
  <si>
    <t>鵜鷺コミュニティセンター</t>
  </si>
  <si>
    <t>荘原コミュニティセンター</t>
  </si>
  <si>
    <t>出西コミュニティセンター</t>
    <rPh sb="0" eb="2">
      <t>シュッサイ</t>
    </rPh>
    <phoneticPr fontId="2"/>
  </si>
  <si>
    <t>阿宮コミュニティセンター</t>
    <rPh sb="0" eb="2">
      <t>アグ</t>
    </rPh>
    <phoneticPr fontId="2"/>
  </si>
  <si>
    <t>伊波野コミュニティセンター</t>
    <rPh sb="0" eb="3">
      <t>イワノ</t>
    </rPh>
    <phoneticPr fontId="2"/>
  </si>
  <si>
    <t>直江コミュニティセンター</t>
    <rPh sb="0" eb="2">
      <t>ナオエ</t>
    </rPh>
    <phoneticPr fontId="2"/>
  </si>
  <si>
    <t>久木コミュニティセンター</t>
    <rPh sb="0" eb="2">
      <t>ヒサギ</t>
    </rPh>
    <phoneticPr fontId="2"/>
  </si>
  <si>
    <t>出東コミュニティセンター</t>
    <rPh sb="0" eb="2">
      <t>シュットウ</t>
    </rPh>
    <phoneticPr fontId="2"/>
  </si>
  <si>
    <t>波積地域コミュニティ交流センター</t>
    <rPh sb="2" eb="4">
      <t>チイキ</t>
    </rPh>
    <rPh sb="10" eb="12">
      <t>コウリュウ</t>
    </rPh>
    <phoneticPr fontId="2"/>
  </si>
  <si>
    <t>黒松地域コミュニティ交流センター</t>
    <rPh sb="0" eb="2">
      <t>クロマツ</t>
    </rPh>
    <rPh sb="2" eb="4">
      <t>チイキ</t>
    </rPh>
    <rPh sb="10" eb="12">
      <t>コウリュウ</t>
    </rPh>
    <phoneticPr fontId="2"/>
  </si>
  <si>
    <t>都治地域コミュニティ交流センター</t>
    <rPh sb="0" eb="1">
      <t>ツ</t>
    </rPh>
    <rPh sb="1" eb="2">
      <t>チ</t>
    </rPh>
    <rPh sb="2" eb="4">
      <t>チイキ</t>
    </rPh>
    <rPh sb="10" eb="12">
      <t>コウリュウ</t>
    </rPh>
    <phoneticPr fontId="2"/>
  </si>
  <si>
    <t>浅利地域コミュニティ交流センター</t>
    <rPh sb="0" eb="2">
      <t>アサリ</t>
    </rPh>
    <rPh sb="2" eb="4">
      <t>チイキ</t>
    </rPh>
    <rPh sb="10" eb="12">
      <t>コウリュウ</t>
    </rPh>
    <phoneticPr fontId="2"/>
  </si>
  <si>
    <t>松平地域コミュニティ交流センター</t>
    <rPh sb="0" eb="2">
      <t>マツヒラ</t>
    </rPh>
    <rPh sb="2" eb="4">
      <t>チイキ</t>
    </rPh>
    <rPh sb="10" eb="12">
      <t>コウリュウ</t>
    </rPh>
    <phoneticPr fontId="2"/>
  </si>
  <si>
    <t>嘉久志地域コミュニティ交流センター</t>
    <rPh sb="0" eb="3">
      <t>カクシ</t>
    </rPh>
    <rPh sb="3" eb="5">
      <t>チイキ</t>
    </rPh>
    <rPh sb="11" eb="13">
      <t>コウリュウ</t>
    </rPh>
    <phoneticPr fontId="2"/>
  </si>
  <si>
    <t>和木地域コミュニティ交流センター</t>
  </si>
  <si>
    <t>都野津地域コミュニティ交流センター</t>
  </si>
  <si>
    <t>二宮地域コミュニティ交流センター</t>
    <rPh sb="2" eb="4">
      <t>チイキ</t>
    </rPh>
    <rPh sb="10" eb="12">
      <t>コウリュウ</t>
    </rPh>
    <phoneticPr fontId="2"/>
  </si>
  <si>
    <t>跡市地域コミュニティ交流センター</t>
    <rPh sb="0" eb="2">
      <t>アトイチ</t>
    </rPh>
    <rPh sb="2" eb="4">
      <t>チイキ</t>
    </rPh>
    <rPh sb="10" eb="12">
      <t>コウリュウ</t>
    </rPh>
    <phoneticPr fontId="2"/>
  </si>
  <si>
    <t>敬川地域コミュニティ交流センター</t>
    <rPh sb="0" eb="2">
      <t>ウヤガワ</t>
    </rPh>
    <rPh sb="2" eb="4">
      <t>チイキ</t>
    </rPh>
    <rPh sb="10" eb="12">
      <t>コウリュウ</t>
    </rPh>
    <phoneticPr fontId="2"/>
  </si>
  <si>
    <t>波子地域コミュニティ交流センター</t>
  </si>
  <si>
    <t>有福温泉地域コミュニティ交流センター</t>
    <rPh sb="0" eb="2">
      <t>アリフク</t>
    </rPh>
    <rPh sb="2" eb="4">
      <t>オンセン</t>
    </rPh>
    <rPh sb="4" eb="6">
      <t>チイキ</t>
    </rPh>
    <rPh sb="12" eb="14">
      <t>コウリュウ</t>
    </rPh>
    <phoneticPr fontId="2"/>
  </si>
  <si>
    <t>長谷地域コミュニティ交流センター</t>
    <rPh sb="2" eb="4">
      <t>チイキ</t>
    </rPh>
    <rPh sb="10" eb="12">
      <t>コウリュウ</t>
    </rPh>
    <phoneticPr fontId="2"/>
  </si>
  <si>
    <t>市山地域コミュニティ交流センター</t>
  </si>
  <si>
    <t>川戸地域コミュニティ交流センター</t>
  </si>
  <si>
    <t>谷住郷地域コミュニティ交流センター</t>
  </si>
  <si>
    <t>川越地域コミュニティ交流センター</t>
    <rPh sb="2" eb="4">
      <t>チイキ</t>
    </rPh>
    <rPh sb="10" eb="12">
      <t>コウリュウ</t>
    </rPh>
    <phoneticPr fontId="2"/>
  </si>
  <si>
    <t>公民館分館</t>
    <rPh sb="0" eb="3">
      <t>コウミンカン</t>
    </rPh>
    <rPh sb="3" eb="5">
      <t>ブンカ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b/>
      <sz val="7"/>
      <name val="ＭＳ ゴシック"/>
      <family val="3"/>
      <charset val="128"/>
    </font>
    <font>
      <b/>
      <sz val="6"/>
      <name val="ＭＳ ゴシック"/>
      <family val="3"/>
      <charset val="128"/>
    </font>
    <font>
      <sz val="11"/>
      <name val="ＭＳ Ｐゴシック"/>
      <family val="3"/>
      <charset val="128"/>
    </font>
    <font>
      <u/>
      <sz val="6.6"/>
      <color indexed="12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7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0" fontId="3" fillId="0" borderId="0" applyNumberFormat="0" applyFill="0" applyBorder="0" applyAlignment="0" applyProtection="0">
      <alignment vertical="top"/>
      <protection locked="0"/>
    </xf>
    <xf numFmtId="0" fontId="2" fillId="0" borderId="0">
      <alignment vertical="center"/>
    </xf>
    <xf numFmtId="0" fontId="4" fillId="0" borderId="0">
      <alignment vertical="center"/>
    </xf>
  </cellStyleXfs>
  <cellXfs count="3">
    <xf numFmtId="0" fontId="0" fillId="0" borderId="0" xfId="0"/>
    <xf numFmtId="0" fontId="6" fillId="0" borderId="1" xfId="0" applyFont="1" applyBorder="1" applyAlignment="1">
      <alignment vertical="center"/>
    </xf>
    <xf numFmtId="0" fontId="6" fillId="0" borderId="0" xfId="0" applyFont="1" applyAlignment="1">
      <alignment vertical="center"/>
    </xf>
  </cellXfs>
  <cellStyles count="4">
    <cellStyle name="ハイパーリンク 2" xfId="1"/>
    <cellStyle name="標準" xfId="0" builtinId="0"/>
    <cellStyle name="標準 2" xfId="2"/>
    <cellStyle name="標準 3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20"/>
  <sheetViews>
    <sheetView tabSelected="1" zoomScale="130" zoomScaleNormal="130" workbookViewId="0">
      <selection activeCell="C2" sqref="C2"/>
    </sheetView>
  </sheetViews>
  <sheetFormatPr defaultRowHeight="9.75" x14ac:dyDescent="0.15"/>
  <cols>
    <col min="1" max="1" width="9.33203125" style="2"/>
    <col min="2" max="2" width="18" style="2" bestFit="1" customWidth="1"/>
    <col min="3" max="3" width="9.33203125" style="2"/>
    <col min="4" max="4" width="28.83203125" style="2" bestFit="1" customWidth="1"/>
    <col min="5" max="5" width="9.33203125" style="2"/>
    <col min="6" max="6" width="10" style="2" bestFit="1" customWidth="1"/>
    <col min="7" max="7" width="35" style="2" bestFit="1" customWidth="1"/>
    <col min="8" max="8" width="14.5" style="2" bestFit="1" customWidth="1"/>
    <col min="9" max="9" width="11.5" style="2" bestFit="1" customWidth="1"/>
    <col min="10" max="10" width="12.1640625" style="2" bestFit="1" customWidth="1"/>
    <col min="11" max="16384" width="9.33203125" style="2"/>
  </cols>
  <sheetData>
    <row r="1" spans="1:11" x14ac:dyDescent="0.15">
      <c r="A1" s="1" t="s">
        <v>1013</v>
      </c>
      <c r="B1" s="1" t="s">
        <v>1027</v>
      </c>
      <c r="C1" s="1" t="s">
        <v>1398</v>
      </c>
      <c r="D1" s="1" t="s">
        <v>1045</v>
      </c>
      <c r="E1" s="1" t="s">
        <v>1026</v>
      </c>
      <c r="F1" s="1" t="s">
        <v>1014</v>
      </c>
      <c r="G1" s="1" t="s">
        <v>1015</v>
      </c>
      <c r="H1" s="1" t="s">
        <v>1016</v>
      </c>
      <c r="I1" s="1" t="s">
        <v>1047</v>
      </c>
      <c r="J1" s="1" t="s">
        <v>1043</v>
      </c>
      <c r="K1" s="1" t="s">
        <v>1044</v>
      </c>
    </row>
    <row r="2" spans="1:11" x14ac:dyDescent="0.15">
      <c r="A2" s="1" t="s">
        <v>992</v>
      </c>
      <c r="B2" s="1" t="s">
        <v>1048</v>
      </c>
      <c r="C2" s="1"/>
      <c r="D2" s="1"/>
      <c r="E2" s="1"/>
      <c r="F2" s="1" t="s">
        <v>0</v>
      </c>
      <c r="G2" s="1" t="s">
        <v>1</v>
      </c>
      <c r="H2" s="1" t="s">
        <v>2</v>
      </c>
      <c r="I2" s="1" t="s">
        <v>3</v>
      </c>
      <c r="J2" s="1">
        <v>35.477014500000003</v>
      </c>
      <c r="K2" s="1">
        <v>133.0651732</v>
      </c>
    </row>
    <row r="3" spans="1:11" x14ac:dyDescent="0.15">
      <c r="A3" s="1" t="s">
        <v>992</v>
      </c>
      <c r="B3" s="1" t="s">
        <v>1049</v>
      </c>
      <c r="C3" s="1"/>
      <c r="D3" s="1"/>
      <c r="E3" s="1"/>
      <c r="F3" s="1" t="s">
        <v>4</v>
      </c>
      <c r="G3" s="1" t="s">
        <v>5</v>
      </c>
      <c r="H3" s="1" t="s">
        <v>6</v>
      </c>
      <c r="I3" s="1" t="s">
        <v>7</v>
      </c>
      <c r="J3" s="1">
        <v>35.478316800000002</v>
      </c>
      <c r="K3" s="1">
        <v>133.05499359999999</v>
      </c>
    </row>
    <row r="4" spans="1:11" x14ac:dyDescent="0.15">
      <c r="A4" s="1" t="s">
        <v>992</v>
      </c>
      <c r="B4" s="1" t="s">
        <v>1050</v>
      </c>
      <c r="C4" s="1"/>
      <c r="D4" s="1"/>
      <c r="E4" s="1"/>
      <c r="F4" s="1" t="s">
        <v>8</v>
      </c>
      <c r="G4" s="1" t="s">
        <v>9</v>
      </c>
      <c r="H4" s="1" t="s">
        <v>10</v>
      </c>
      <c r="I4" s="1" t="s">
        <v>11</v>
      </c>
      <c r="J4" s="1">
        <v>35.466839999999998</v>
      </c>
      <c r="K4" s="1">
        <v>133.0401425</v>
      </c>
    </row>
    <row r="5" spans="1:11" x14ac:dyDescent="0.15">
      <c r="A5" s="1" t="s">
        <v>992</v>
      </c>
      <c r="B5" s="1" t="s">
        <v>1051</v>
      </c>
      <c r="C5" s="1"/>
      <c r="D5" s="1"/>
      <c r="E5" s="1"/>
      <c r="F5" s="1" t="s">
        <v>12</v>
      </c>
      <c r="G5" s="1" t="s">
        <v>13</v>
      </c>
      <c r="H5" s="1" t="s">
        <v>14</v>
      </c>
      <c r="I5" s="1" t="s">
        <v>15</v>
      </c>
      <c r="J5" s="1">
        <v>35.462835400000003</v>
      </c>
      <c r="K5" s="1">
        <v>133.05496629999999</v>
      </c>
    </row>
    <row r="6" spans="1:11" x14ac:dyDescent="0.15">
      <c r="A6" s="1" t="s">
        <v>992</v>
      </c>
      <c r="B6" s="1" t="s">
        <v>1052</v>
      </c>
      <c r="C6" s="1"/>
      <c r="D6" s="1"/>
      <c r="E6" s="1"/>
      <c r="F6" s="1" t="s">
        <v>16</v>
      </c>
      <c r="G6" s="1" t="s">
        <v>17</v>
      </c>
      <c r="H6" s="1" t="s">
        <v>18</v>
      </c>
      <c r="I6" s="1" t="s">
        <v>19</v>
      </c>
      <c r="J6" s="1">
        <v>35.461869200000002</v>
      </c>
      <c r="K6" s="1">
        <v>133.0704872</v>
      </c>
    </row>
    <row r="7" spans="1:11" x14ac:dyDescent="0.15">
      <c r="A7" s="1" t="s">
        <v>992</v>
      </c>
      <c r="B7" s="1" t="s">
        <v>1053</v>
      </c>
      <c r="C7" s="1"/>
      <c r="D7" s="1"/>
      <c r="E7" s="1"/>
      <c r="F7" s="1" t="s">
        <v>20</v>
      </c>
      <c r="G7" s="1" t="s">
        <v>1054</v>
      </c>
      <c r="H7" s="1" t="s">
        <v>21</v>
      </c>
      <c r="I7" s="1" t="s">
        <v>22</v>
      </c>
      <c r="J7" s="1">
        <v>35.4563974</v>
      </c>
      <c r="K7" s="1">
        <v>133.0610188</v>
      </c>
    </row>
    <row r="8" spans="1:11" x14ac:dyDescent="0.15">
      <c r="A8" s="1" t="s">
        <v>992</v>
      </c>
      <c r="B8" s="1" t="s">
        <v>1055</v>
      </c>
      <c r="C8" s="1"/>
      <c r="D8" s="1"/>
      <c r="E8" s="1"/>
      <c r="F8" s="1" t="s">
        <v>23</v>
      </c>
      <c r="G8" s="1" t="s">
        <v>24</v>
      </c>
      <c r="H8" s="1" t="s">
        <v>25</v>
      </c>
      <c r="I8" s="1" t="s">
        <v>26</v>
      </c>
      <c r="J8" s="1">
        <v>35.456989299999996</v>
      </c>
      <c r="K8" s="1">
        <v>133.08184209999999</v>
      </c>
    </row>
    <row r="9" spans="1:11" x14ac:dyDescent="0.15">
      <c r="A9" s="1" t="s">
        <v>992</v>
      </c>
      <c r="B9" s="1" t="s">
        <v>1056</v>
      </c>
      <c r="C9" s="1"/>
      <c r="D9" s="1"/>
      <c r="E9" s="1"/>
      <c r="F9" s="1" t="s">
        <v>27</v>
      </c>
      <c r="G9" s="1" t="s">
        <v>28</v>
      </c>
      <c r="H9" s="1" t="s">
        <v>29</v>
      </c>
      <c r="I9" s="1" t="s">
        <v>30</v>
      </c>
      <c r="J9" s="1">
        <v>35.440565900000003</v>
      </c>
      <c r="K9" s="1">
        <v>133.07401010000001</v>
      </c>
    </row>
    <row r="10" spans="1:11" x14ac:dyDescent="0.15">
      <c r="A10" s="1" t="s">
        <v>992</v>
      </c>
      <c r="B10" s="1" t="s">
        <v>1057</v>
      </c>
      <c r="C10" s="1"/>
      <c r="D10" s="1"/>
      <c r="E10" s="1"/>
      <c r="F10" s="1" t="s">
        <v>31</v>
      </c>
      <c r="G10" s="1" t="s">
        <v>32</v>
      </c>
      <c r="H10" s="1" t="s">
        <v>33</v>
      </c>
      <c r="I10" s="1" t="s">
        <v>34</v>
      </c>
      <c r="J10" s="1">
        <v>35.481678199999998</v>
      </c>
      <c r="K10" s="1">
        <v>133.0782356</v>
      </c>
    </row>
    <row r="11" spans="1:11" x14ac:dyDescent="0.15">
      <c r="A11" s="1" t="s">
        <v>992</v>
      </c>
      <c r="B11" s="1" t="s">
        <v>1058</v>
      </c>
      <c r="C11" s="1"/>
      <c r="D11" s="1"/>
      <c r="E11" s="1"/>
      <c r="F11" s="1" t="s">
        <v>35</v>
      </c>
      <c r="G11" s="1" t="s">
        <v>36</v>
      </c>
      <c r="H11" s="1" t="s">
        <v>37</v>
      </c>
      <c r="I11" s="1" t="s">
        <v>38</v>
      </c>
      <c r="J11" s="1">
        <v>35.464725700000002</v>
      </c>
      <c r="K11" s="1">
        <v>133.10290910000001</v>
      </c>
    </row>
    <row r="12" spans="1:11" x14ac:dyDescent="0.15">
      <c r="A12" s="1" t="s">
        <v>992</v>
      </c>
      <c r="B12" s="1" t="s">
        <v>1059</v>
      </c>
      <c r="C12" s="1"/>
      <c r="D12" s="1"/>
      <c r="E12" s="1"/>
      <c r="F12" s="1" t="s">
        <v>39</v>
      </c>
      <c r="G12" s="1" t="s">
        <v>40</v>
      </c>
      <c r="H12" s="1" t="s">
        <v>41</v>
      </c>
      <c r="I12" s="1" t="s">
        <v>42</v>
      </c>
      <c r="J12" s="1">
        <v>35.486207</v>
      </c>
      <c r="K12" s="1">
        <v>133.0349674</v>
      </c>
    </row>
    <row r="13" spans="1:11" x14ac:dyDescent="0.15">
      <c r="A13" s="1" t="s">
        <v>992</v>
      </c>
      <c r="B13" s="1" t="s">
        <v>1060</v>
      </c>
      <c r="C13" s="1"/>
      <c r="D13" s="1"/>
      <c r="E13" s="1"/>
      <c r="F13" s="1" t="s">
        <v>43</v>
      </c>
      <c r="G13" s="1" t="s">
        <v>44</v>
      </c>
      <c r="H13" s="1" t="s">
        <v>45</v>
      </c>
      <c r="I13" s="1" t="s">
        <v>46</v>
      </c>
      <c r="J13" s="1">
        <v>35.440931499999998</v>
      </c>
      <c r="K13" s="1">
        <v>133.11789039999999</v>
      </c>
    </row>
    <row r="14" spans="1:11" x14ac:dyDescent="0.15">
      <c r="A14" s="1" t="s">
        <v>992</v>
      </c>
      <c r="B14" s="1" t="s">
        <v>1061</v>
      </c>
      <c r="C14" s="1"/>
      <c r="D14" s="1"/>
      <c r="E14" s="1"/>
      <c r="F14" s="1" t="s">
        <v>47</v>
      </c>
      <c r="G14" s="1" t="s">
        <v>48</v>
      </c>
      <c r="H14" s="1" t="s">
        <v>49</v>
      </c>
      <c r="I14" s="1" t="s">
        <v>50</v>
      </c>
      <c r="J14" s="1">
        <v>35.445776299999999</v>
      </c>
      <c r="K14" s="1">
        <v>133.0550418</v>
      </c>
    </row>
    <row r="15" spans="1:11" x14ac:dyDescent="0.15">
      <c r="A15" s="1" t="s">
        <v>992</v>
      </c>
      <c r="B15" s="1" t="s">
        <v>1062</v>
      </c>
      <c r="C15" s="1"/>
      <c r="D15" s="1"/>
      <c r="E15" s="1"/>
      <c r="F15" s="1" t="s">
        <v>51</v>
      </c>
      <c r="G15" s="1" t="s">
        <v>52</v>
      </c>
      <c r="H15" s="1" t="s">
        <v>53</v>
      </c>
      <c r="I15" s="1" t="s">
        <v>54</v>
      </c>
      <c r="J15" s="1">
        <v>35.401428099999997</v>
      </c>
      <c r="K15" s="1">
        <v>133.0323822</v>
      </c>
    </row>
    <row r="16" spans="1:11" x14ac:dyDescent="0.15">
      <c r="A16" s="1" t="s">
        <v>992</v>
      </c>
      <c r="B16" s="1" t="s">
        <v>1063</v>
      </c>
      <c r="C16" s="1"/>
      <c r="D16" s="1"/>
      <c r="E16" s="1"/>
      <c r="F16" s="1" t="s">
        <v>55</v>
      </c>
      <c r="G16" s="1" t="s">
        <v>56</v>
      </c>
      <c r="H16" s="1" t="s">
        <v>57</v>
      </c>
      <c r="I16" s="1" t="s">
        <v>58</v>
      </c>
      <c r="J16" s="1">
        <v>35.431625199999999</v>
      </c>
      <c r="K16" s="1">
        <v>133.08351260000001</v>
      </c>
    </row>
    <row r="17" spans="1:11" x14ac:dyDescent="0.15">
      <c r="A17" s="1" t="s">
        <v>992</v>
      </c>
      <c r="B17" s="1" t="s">
        <v>1064</v>
      </c>
      <c r="C17" s="1"/>
      <c r="D17" s="1"/>
      <c r="E17" s="1"/>
      <c r="F17" s="1" t="s">
        <v>59</v>
      </c>
      <c r="G17" s="1" t="s">
        <v>60</v>
      </c>
      <c r="H17" s="1" t="s">
        <v>61</v>
      </c>
      <c r="I17" s="1" t="s">
        <v>62</v>
      </c>
      <c r="J17" s="1">
        <v>35.494841800000003</v>
      </c>
      <c r="K17" s="1">
        <v>133.0258513</v>
      </c>
    </row>
    <row r="18" spans="1:11" x14ac:dyDescent="0.15">
      <c r="A18" s="1" t="s">
        <v>992</v>
      </c>
      <c r="B18" s="1" t="s">
        <v>1065</v>
      </c>
      <c r="C18" s="1"/>
      <c r="D18" s="1"/>
      <c r="E18" s="1"/>
      <c r="F18" s="1" t="s">
        <v>63</v>
      </c>
      <c r="G18" s="1" t="s">
        <v>64</v>
      </c>
      <c r="H18" s="1" t="s">
        <v>65</v>
      </c>
      <c r="I18" s="1" t="s">
        <v>66</v>
      </c>
      <c r="J18" s="1">
        <v>35.498223500000002</v>
      </c>
      <c r="K18" s="1">
        <v>133.0802401</v>
      </c>
    </row>
    <row r="19" spans="1:11" x14ac:dyDescent="0.15">
      <c r="A19" s="1" t="s">
        <v>992</v>
      </c>
      <c r="B19" s="1" t="s">
        <v>1066</v>
      </c>
      <c r="C19" s="1"/>
      <c r="D19" s="1"/>
      <c r="E19" s="1"/>
      <c r="F19" s="1" t="s">
        <v>67</v>
      </c>
      <c r="G19" s="1" t="s">
        <v>68</v>
      </c>
      <c r="H19" s="1" t="s">
        <v>69</v>
      </c>
      <c r="I19" s="1" t="s">
        <v>70</v>
      </c>
      <c r="J19" s="1">
        <v>35.478101299999999</v>
      </c>
      <c r="K19" s="1">
        <v>132.99883840000001</v>
      </c>
    </row>
    <row r="20" spans="1:11" x14ac:dyDescent="0.15">
      <c r="A20" s="1" t="s">
        <v>992</v>
      </c>
      <c r="B20" s="1" t="s">
        <v>1067</v>
      </c>
      <c r="C20" s="1"/>
      <c r="D20" s="1"/>
      <c r="E20" s="1"/>
      <c r="F20" s="1" t="s">
        <v>71</v>
      </c>
      <c r="G20" s="1" t="s">
        <v>72</v>
      </c>
      <c r="H20" s="1" t="s">
        <v>73</v>
      </c>
      <c r="I20" s="1" t="s">
        <v>74</v>
      </c>
      <c r="J20" s="1">
        <v>35.511385900000001</v>
      </c>
      <c r="K20" s="1">
        <v>133.12849879999999</v>
      </c>
    </row>
    <row r="21" spans="1:11" x14ac:dyDescent="0.15">
      <c r="A21" s="1" t="s">
        <v>992</v>
      </c>
      <c r="B21" s="1" t="s">
        <v>1068</v>
      </c>
      <c r="C21" s="1"/>
      <c r="D21" s="1"/>
      <c r="E21" s="1"/>
      <c r="F21" s="1" t="s">
        <v>75</v>
      </c>
      <c r="G21" s="1" t="s">
        <v>76</v>
      </c>
      <c r="H21" s="1" t="s">
        <v>77</v>
      </c>
      <c r="I21" s="1" t="s">
        <v>78</v>
      </c>
      <c r="J21" s="1">
        <v>35.488700399999999</v>
      </c>
      <c r="K21" s="1">
        <v>132.92062680000001</v>
      </c>
    </row>
    <row r="22" spans="1:11" x14ac:dyDescent="0.15">
      <c r="A22" s="1" t="s">
        <v>992</v>
      </c>
      <c r="B22" s="1" t="s">
        <v>1069</v>
      </c>
      <c r="C22" s="1"/>
      <c r="D22" s="1"/>
      <c r="E22" s="1"/>
      <c r="F22" s="1" t="s">
        <v>79</v>
      </c>
      <c r="G22" s="1" t="s">
        <v>80</v>
      </c>
      <c r="H22" s="1" t="s">
        <v>81</v>
      </c>
      <c r="I22" s="1" t="s">
        <v>82</v>
      </c>
      <c r="J22" s="1">
        <v>35.476377800000002</v>
      </c>
      <c r="K22" s="1">
        <v>132.94934889999999</v>
      </c>
    </row>
    <row r="23" spans="1:11" x14ac:dyDescent="0.15">
      <c r="A23" s="1" t="s">
        <v>992</v>
      </c>
      <c r="B23" s="1" t="s">
        <v>1007</v>
      </c>
      <c r="C23" s="1"/>
      <c r="D23" s="1"/>
      <c r="E23" s="1"/>
      <c r="F23" s="1" t="s">
        <v>1070</v>
      </c>
      <c r="G23" s="1" t="s">
        <v>1008</v>
      </c>
      <c r="H23" s="1" t="s">
        <v>1071</v>
      </c>
      <c r="I23" s="1" t="s">
        <v>1072</v>
      </c>
      <c r="J23" s="1">
        <v>35.522109800000003</v>
      </c>
      <c r="K23" s="1">
        <v>132.99577930000001</v>
      </c>
    </row>
    <row r="24" spans="1:11" x14ac:dyDescent="0.15">
      <c r="A24" s="1" t="s">
        <v>992</v>
      </c>
      <c r="B24" s="1" t="s">
        <v>1073</v>
      </c>
      <c r="C24" s="1"/>
      <c r="D24" s="1"/>
      <c r="E24" s="1"/>
      <c r="F24" s="1" t="s">
        <v>84</v>
      </c>
      <c r="G24" s="1" t="s">
        <v>85</v>
      </c>
      <c r="H24" s="1" t="s">
        <v>86</v>
      </c>
      <c r="I24" s="1" t="s">
        <v>87</v>
      </c>
      <c r="J24" s="1">
        <v>35.564442999999997</v>
      </c>
      <c r="K24" s="1">
        <v>133.06554159999999</v>
      </c>
    </row>
    <row r="25" spans="1:11" x14ac:dyDescent="0.15">
      <c r="A25" s="1" t="s">
        <v>992</v>
      </c>
      <c r="B25" s="1" t="s">
        <v>1074</v>
      </c>
      <c r="C25" s="1"/>
      <c r="D25" s="1"/>
      <c r="E25" s="1"/>
      <c r="F25" s="1" t="s">
        <v>88</v>
      </c>
      <c r="G25" s="1" t="s">
        <v>89</v>
      </c>
      <c r="H25" s="1" t="s">
        <v>90</v>
      </c>
      <c r="I25" s="1" t="s">
        <v>91</v>
      </c>
      <c r="J25" s="1">
        <v>35.534706999999997</v>
      </c>
      <c r="K25" s="1">
        <v>133.16464400000001</v>
      </c>
    </row>
    <row r="26" spans="1:11" x14ac:dyDescent="0.15">
      <c r="A26" s="1" t="s">
        <v>992</v>
      </c>
      <c r="B26" s="1" t="s">
        <v>1075</v>
      </c>
      <c r="C26" s="1"/>
      <c r="D26" s="1"/>
      <c r="E26" s="1"/>
      <c r="F26" s="1" t="s">
        <v>92</v>
      </c>
      <c r="G26" s="1" t="s">
        <v>93</v>
      </c>
      <c r="H26" s="1"/>
      <c r="I26" s="1"/>
      <c r="J26" s="1">
        <v>35.571711000000001</v>
      </c>
      <c r="K26" s="1">
        <v>133.22341080000001</v>
      </c>
    </row>
    <row r="27" spans="1:11" x14ac:dyDescent="0.15">
      <c r="A27" s="1" t="s">
        <v>992</v>
      </c>
      <c r="B27" s="1" t="s">
        <v>1076</v>
      </c>
      <c r="C27" s="1"/>
      <c r="D27" s="1"/>
      <c r="E27" s="1"/>
      <c r="F27" s="1" t="s">
        <v>94</v>
      </c>
      <c r="G27" s="1" t="s">
        <v>991</v>
      </c>
      <c r="H27" s="1" t="s">
        <v>95</v>
      </c>
      <c r="I27" s="1" t="s">
        <v>96</v>
      </c>
      <c r="J27" s="1">
        <v>35.405914500000002</v>
      </c>
      <c r="K27" s="1">
        <v>133.09023149999999</v>
      </c>
    </row>
    <row r="28" spans="1:11" x14ac:dyDescent="0.15">
      <c r="A28" s="1" t="s">
        <v>992</v>
      </c>
      <c r="B28" s="1" t="s">
        <v>1076</v>
      </c>
      <c r="C28" s="1" t="s">
        <v>1028</v>
      </c>
      <c r="D28" s="1"/>
      <c r="E28" s="1"/>
      <c r="F28" s="1" t="s">
        <v>123</v>
      </c>
      <c r="G28" s="1" t="s">
        <v>124</v>
      </c>
      <c r="H28" s="1"/>
      <c r="I28" s="1"/>
      <c r="J28" s="1">
        <v>35.39716</v>
      </c>
      <c r="K28" s="1">
        <v>133.0617518</v>
      </c>
    </row>
    <row r="29" spans="1:11" x14ac:dyDescent="0.15">
      <c r="A29" s="1" t="s">
        <v>992</v>
      </c>
      <c r="B29" s="1" t="s">
        <v>1077</v>
      </c>
      <c r="C29" s="1"/>
      <c r="D29" s="1"/>
      <c r="E29" s="1"/>
      <c r="F29" s="1" t="s">
        <v>97</v>
      </c>
      <c r="G29" s="1" t="s">
        <v>1078</v>
      </c>
      <c r="H29" s="1" t="s">
        <v>98</v>
      </c>
      <c r="I29" s="1" t="s">
        <v>99</v>
      </c>
      <c r="J29" s="1">
        <v>35.431076500000003</v>
      </c>
      <c r="K29" s="1">
        <v>133.0068114</v>
      </c>
    </row>
    <row r="30" spans="1:11" x14ac:dyDescent="0.15">
      <c r="A30" s="1" t="s">
        <v>992</v>
      </c>
      <c r="B30" s="1" t="s">
        <v>100</v>
      </c>
      <c r="C30" s="1"/>
      <c r="D30" s="1"/>
      <c r="E30" s="1"/>
      <c r="F30" s="1" t="s">
        <v>1079</v>
      </c>
      <c r="G30" s="1" t="s">
        <v>1009</v>
      </c>
      <c r="H30" s="1" t="s">
        <v>101</v>
      </c>
      <c r="I30" s="1" t="s">
        <v>102</v>
      </c>
      <c r="J30" s="1">
        <v>35.407885700000001</v>
      </c>
      <c r="K30" s="1">
        <v>132.90847099999999</v>
      </c>
    </row>
    <row r="31" spans="1:11" x14ac:dyDescent="0.15">
      <c r="A31" s="1" t="s">
        <v>992</v>
      </c>
      <c r="B31" s="1" t="s">
        <v>103</v>
      </c>
      <c r="C31" s="1"/>
      <c r="D31" s="1"/>
      <c r="E31" s="1"/>
      <c r="F31" s="1" t="s">
        <v>104</v>
      </c>
      <c r="G31" s="1" t="s">
        <v>105</v>
      </c>
      <c r="H31" s="1" t="s">
        <v>106</v>
      </c>
      <c r="I31" s="1" t="s">
        <v>107</v>
      </c>
      <c r="J31" s="1">
        <v>35.496081199999999</v>
      </c>
      <c r="K31" s="1">
        <v>133.1722843</v>
      </c>
    </row>
    <row r="32" spans="1:11" x14ac:dyDescent="0.15">
      <c r="A32" s="1" t="s">
        <v>992</v>
      </c>
      <c r="B32" s="1" t="s">
        <v>1080</v>
      </c>
      <c r="C32" s="1"/>
      <c r="D32" s="1"/>
      <c r="E32" s="1"/>
      <c r="F32" s="1" t="s">
        <v>108</v>
      </c>
      <c r="G32" s="1" t="s">
        <v>1011</v>
      </c>
      <c r="H32" s="1" t="s">
        <v>109</v>
      </c>
      <c r="I32" s="1" t="s">
        <v>110</v>
      </c>
      <c r="J32" s="1">
        <v>35.4295708</v>
      </c>
      <c r="K32" s="1">
        <v>133.15274170000001</v>
      </c>
    </row>
    <row r="33" spans="1:11" x14ac:dyDescent="0.15">
      <c r="A33" s="1" t="s">
        <v>992</v>
      </c>
      <c r="B33" s="1" t="s">
        <v>1081</v>
      </c>
      <c r="C33" s="1"/>
      <c r="D33" s="1"/>
      <c r="E33" s="1"/>
      <c r="F33" s="1" t="s">
        <v>111</v>
      </c>
      <c r="G33" s="1" t="s">
        <v>112</v>
      </c>
      <c r="H33" s="1" t="s">
        <v>113</v>
      </c>
      <c r="I33" s="1" t="s">
        <v>114</v>
      </c>
      <c r="J33" s="1">
        <v>35.427450299999997</v>
      </c>
      <c r="K33" s="1">
        <v>133.12901120000001</v>
      </c>
    </row>
    <row r="34" spans="1:11" x14ac:dyDescent="0.15">
      <c r="A34" s="1" t="s">
        <v>992</v>
      </c>
      <c r="B34" s="1" t="s">
        <v>1082</v>
      </c>
      <c r="C34" s="1"/>
      <c r="D34" s="1"/>
      <c r="E34" s="1"/>
      <c r="F34" s="1" t="s">
        <v>115</v>
      </c>
      <c r="G34" s="1" t="s">
        <v>116</v>
      </c>
      <c r="H34" s="1" t="s">
        <v>117</v>
      </c>
      <c r="I34" s="1" t="s">
        <v>118</v>
      </c>
      <c r="J34" s="1">
        <v>35.437367899999998</v>
      </c>
      <c r="K34" s="1">
        <v>133.16918480000001</v>
      </c>
    </row>
    <row r="35" spans="1:11" x14ac:dyDescent="0.15">
      <c r="A35" s="1" t="s">
        <v>992</v>
      </c>
      <c r="B35" s="1" t="s">
        <v>1083</v>
      </c>
      <c r="C35" s="1"/>
      <c r="D35" s="1"/>
      <c r="E35" s="1"/>
      <c r="F35" s="1" t="s">
        <v>119</v>
      </c>
      <c r="G35" s="1" t="s">
        <v>120</v>
      </c>
      <c r="H35" s="1" t="s">
        <v>121</v>
      </c>
      <c r="I35" s="1" t="s">
        <v>122</v>
      </c>
      <c r="J35" s="1">
        <v>35.404575999999999</v>
      </c>
      <c r="K35" s="1">
        <v>133.15535879999999</v>
      </c>
    </row>
    <row r="36" spans="1:11" x14ac:dyDescent="0.15">
      <c r="A36" s="1" t="s">
        <v>993</v>
      </c>
      <c r="B36" s="1"/>
      <c r="C36" s="1"/>
      <c r="D36" s="1" t="s">
        <v>1253</v>
      </c>
      <c r="E36" s="1"/>
      <c r="F36" s="1" t="s">
        <v>125</v>
      </c>
      <c r="G36" s="1" t="s">
        <v>126</v>
      </c>
      <c r="H36" s="1" t="s">
        <v>127</v>
      </c>
      <c r="I36" s="1" t="s">
        <v>1084</v>
      </c>
      <c r="J36" s="1">
        <v>35.431722800000003</v>
      </c>
      <c r="K36" s="1">
        <v>133.2514678</v>
      </c>
    </row>
    <row r="37" spans="1:11" x14ac:dyDescent="0.15">
      <c r="A37" s="1" t="s">
        <v>993</v>
      </c>
      <c r="B37" s="1"/>
      <c r="C37" s="1"/>
      <c r="D37" s="1" t="s">
        <v>1254</v>
      </c>
      <c r="E37" s="1"/>
      <c r="F37" s="1" t="s">
        <v>125</v>
      </c>
      <c r="G37" s="1" t="s">
        <v>128</v>
      </c>
      <c r="H37" s="1" t="s">
        <v>129</v>
      </c>
      <c r="I37" s="1" t="s">
        <v>83</v>
      </c>
      <c r="J37" s="1">
        <v>35.431722800000003</v>
      </c>
      <c r="K37" s="1">
        <v>133.2514678</v>
      </c>
    </row>
    <row r="38" spans="1:11" x14ac:dyDescent="0.15">
      <c r="A38" s="1" t="s">
        <v>993</v>
      </c>
      <c r="B38" s="1"/>
      <c r="C38" s="1"/>
      <c r="D38" s="1" t="s">
        <v>1255</v>
      </c>
      <c r="E38" s="1"/>
      <c r="F38" s="1" t="s">
        <v>125</v>
      </c>
      <c r="G38" s="1" t="s">
        <v>130</v>
      </c>
      <c r="H38" s="1" t="s">
        <v>131</v>
      </c>
      <c r="I38" s="1" t="s">
        <v>83</v>
      </c>
      <c r="J38" s="1">
        <v>35.422704099999997</v>
      </c>
      <c r="K38" s="1">
        <v>133.24786549999999</v>
      </c>
    </row>
    <row r="39" spans="1:11" x14ac:dyDescent="0.15">
      <c r="A39" s="1" t="s">
        <v>993</v>
      </c>
      <c r="B39" s="1"/>
      <c r="C39" s="1"/>
      <c r="D39" s="1" t="s">
        <v>1256</v>
      </c>
      <c r="E39" s="1"/>
      <c r="F39" s="1" t="s">
        <v>132</v>
      </c>
      <c r="G39" s="1" t="s">
        <v>133</v>
      </c>
      <c r="H39" s="1" t="s">
        <v>134</v>
      </c>
      <c r="I39" s="1" t="s">
        <v>83</v>
      </c>
      <c r="J39" s="1">
        <v>35.419802699999998</v>
      </c>
      <c r="K39" s="1">
        <v>133.29567040000001</v>
      </c>
    </row>
    <row r="40" spans="1:11" x14ac:dyDescent="0.15">
      <c r="A40" s="1" t="s">
        <v>993</v>
      </c>
      <c r="B40" s="1"/>
      <c r="C40" s="1"/>
      <c r="D40" s="1" t="s">
        <v>1257</v>
      </c>
      <c r="E40" s="1"/>
      <c r="F40" s="1" t="s">
        <v>135</v>
      </c>
      <c r="G40" s="1" t="s">
        <v>136</v>
      </c>
      <c r="H40" s="1" t="s">
        <v>137</v>
      </c>
      <c r="I40" s="1" t="s">
        <v>83</v>
      </c>
      <c r="J40" s="1">
        <v>35.395415100000001</v>
      </c>
      <c r="K40" s="1">
        <v>133.26293770000001</v>
      </c>
    </row>
    <row r="41" spans="1:11" x14ac:dyDescent="0.15">
      <c r="A41" s="1" t="s">
        <v>993</v>
      </c>
      <c r="B41" s="1"/>
      <c r="C41" s="1"/>
      <c r="D41" s="1" t="s">
        <v>1258</v>
      </c>
      <c r="E41" s="1"/>
      <c r="F41" s="1" t="s">
        <v>138</v>
      </c>
      <c r="G41" s="1" t="s">
        <v>139</v>
      </c>
      <c r="H41" s="1" t="s">
        <v>140</v>
      </c>
      <c r="I41" s="1" t="s">
        <v>83</v>
      </c>
      <c r="J41" s="1">
        <v>35.379344400000001</v>
      </c>
      <c r="K41" s="1">
        <v>133.26334919999999</v>
      </c>
    </row>
    <row r="42" spans="1:11" x14ac:dyDescent="0.15">
      <c r="A42" s="1" t="s">
        <v>993</v>
      </c>
      <c r="B42" s="1"/>
      <c r="C42" s="1"/>
      <c r="D42" s="1" t="s">
        <v>1260</v>
      </c>
      <c r="E42" s="1"/>
      <c r="F42" s="1" t="s">
        <v>141</v>
      </c>
      <c r="G42" s="1" t="s">
        <v>142</v>
      </c>
      <c r="H42" s="1" t="s">
        <v>143</v>
      </c>
      <c r="I42" s="1" t="s">
        <v>83</v>
      </c>
      <c r="J42" s="1">
        <v>35.363431200000001</v>
      </c>
      <c r="K42" s="1">
        <v>133.23457160000001</v>
      </c>
    </row>
    <row r="43" spans="1:11" x14ac:dyDescent="0.15">
      <c r="A43" s="1" t="s">
        <v>993</v>
      </c>
      <c r="B43" s="1"/>
      <c r="C43" s="1"/>
      <c r="D43" s="1" t="s">
        <v>1261</v>
      </c>
      <c r="E43" s="1"/>
      <c r="F43" s="1" t="s">
        <v>144</v>
      </c>
      <c r="G43" s="1" t="s">
        <v>145</v>
      </c>
      <c r="H43" s="1" t="s">
        <v>146</v>
      </c>
      <c r="I43" s="1" t="s">
        <v>83</v>
      </c>
      <c r="J43" s="1">
        <v>35.392553800000002</v>
      </c>
      <c r="K43" s="1">
        <v>133.2272791</v>
      </c>
    </row>
    <row r="44" spans="1:11" x14ac:dyDescent="0.15">
      <c r="A44" s="1" t="s">
        <v>993</v>
      </c>
      <c r="B44" s="1"/>
      <c r="C44" s="1"/>
      <c r="D44" s="1" t="s">
        <v>1262</v>
      </c>
      <c r="E44" s="1"/>
      <c r="F44" s="1" t="s">
        <v>147</v>
      </c>
      <c r="G44" s="1" t="s">
        <v>148</v>
      </c>
      <c r="H44" s="1" t="s">
        <v>149</v>
      </c>
      <c r="I44" s="1" t="s">
        <v>83</v>
      </c>
      <c r="J44" s="1">
        <v>35.391703399999997</v>
      </c>
      <c r="K44" s="1">
        <v>133.2037809</v>
      </c>
    </row>
    <row r="45" spans="1:11" x14ac:dyDescent="0.15">
      <c r="A45" s="1" t="s">
        <v>993</v>
      </c>
      <c r="B45" s="1"/>
      <c r="C45" s="1"/>
      <c r="D45" s="1" t="s">
        <v>1263</v>
      </c>
      <c r="E45" s="1"/>
      <c r="F45" s="1" t="s">
        <v>150</v>
      </c>
      <c r="G45" s="1" t="s">
        <v>151</v>
      </c>
      <c r="H45" s="1" t="s">
        <v>152</v>
      </c>
      <c r="I45" s="1" t="s">
        <v>83</v>
      </c>
      <c r="J45" s="1">
        <v>35.434077700000003</v>
      </c>
      <c r="K45" s="1">
        <v>133.20854019999999</v>
      </c>
    </row>
    <row r="46" spans="1:11" x14ac:dyDescent="0.15">
      <c r="A46" s="1" t="s">
        <v>993</v>
      </c>
      <c r="B46" s="1"/>
      <c r="C46" s="1"/>
      <c r="D46" s="1" t="s">
        <v>1264</v>
      </c>
      <c r="E46" s="1"/>
      <c r="F46" s="1" t="s">
        <v>153</v>
      </c>
      <c r="G46" s="1" t="s">
        <v>154</v>
      </c>
      <c r="H46" s="1" t="s">
        <v>155</v>
      </c>
      <c r="I46" s="1" t="s">
        <v>83</v>
      </c>
      <c r="J46" s="1">
        <v>35.429453500000001</v>
      </c>
      <c r="K46" s="1">
        <v>133.22640269999999</v>
      </c>
    </row>
    <row r="47" spans="1:11" x14ac:dyDescent="0.15">
      <c r="A47" s="1" t="s">
        <v>993</v>
      </c>
      <c r="B47" s="1"/>
      <c r="C47" s="1"/>
      <c r="D47" s="1" t="s">
        <v>1265</v>
      </c>
      <c r="E47" s="1"/>
      <c r="F47" s="1" t="s">
        <v>156</v>
      </c>
      <c r="G47" s="1" t="s">
        <v>1085</v>
      </c>
      <c r="H47" s="1" t="s">
        <v>157</v>
      </c>
      <c r="I47" s="1" t="s">
        <v>83</v>
      </c>
      <c r="J47" s="1">
        <v>35.366549399999997</v>
      </c>
      <c r="K47" s="1">
        <v>133.1734616</v>
      </c>
    </row>
    <row r="48" spans="1:11" x14ac:dyDescent="0.15">
      <c r="A48" s="1" t="s">
        <v>993</v>
      </c>
      <c r="B48" s="1"/>
      <c r="C48" s="1"/>
      <c r="D48" s="1" t="s">
        <v>1266</v>
      </c>
      <c r="E48" s="1"/>
      <c r="F48" s="1" t="s">
        <v>156</v>
      </c>
      <c r="G48" s="1" t="s">
        <v>1085</v>
      </c>
      <c r="H48" s="1" t="s">
        <v>157</v>
      </c>
      <c r="I48" s="1" t="s">
        <v>83</v>
      </c>
      <c r="J48" s="1">
        <v>35.366549399999997</v>
      </c>
      <c r="K48" s="1">
        <v>133.1734616</v>
      </c>
    </row>
    <row r="49" spans="1:11" x14ac:dyDescent="0.15">
      <c r="A49" s="1" t="s">
        <v>993</v>
      </c>
      <c r="B49" s="1"/>
      <c r="C49" s="1"/>
      <c r="D49" s="1" t="s">
        <v>1267</v>
      </c>
      <c r="E49" s="1"/>
      <c r="F49" s="1" t="s">
        <v>158</v>
      </c>
      <c r="G49" s="1" t="s">
        <v>159</v>
      </c>
      <c r="H49" s="1" t="s">
        <v>160</v>
      </c>
      <c r="I49" s="1" t="s">
        <v>83</v>
      </c>
      <c r="J49" s="1">
        <v>35.306403199999998</v>
      </c>
      <c r="K49" s="1">
        <v>133.15082319999999</v>
      </c>
    </row>
    <row r="50" spans="1:11" x14ac:dyDescent="0.15">
      <c r="A50" s="1" t="s">
        <v>993</v>
      </c>
      <c r="B50" s="1"/>
      <c r="C50" s="1"/>
      <c r="D50" s="1" t="s">
        <v>1268</v>
      </c>
      <c r="E50" s="1"/>
      <c r="F50" s="1" t="s">
        <v>161</v>
      </c>
      <c r="G50" s="1" t="s">
        <v>162</v>
      </c>
      <c r="H50" s="1" t="s">
        <v>163</v>
      </c>
      <c r="I50" s="1" t="s">
        <v>83</v>
      </c>
      <c r="J50" s="1">
        <v>35.311000100000001</v>
      </c>
      <c r="K50" s="1">
        <v>133.19168160000001</v>
      </c>
    </row>
    <row r="51" spans="1:11" x14ac:dyDescent="0.15">
      <c r="A51" s="1" t="s">
        <v>993</v>
      </c>
      <c r="B51" s="1"/>
      <c r="C51" s="1"/>
      <c r="D51" s="1" t="s">
        <v>1269</v>
      </c>
      <c r="E51" s="1"/>
      <c r="F51" s="1" t="s">
        <v>164</v>
      </c>
      <c r="G51" s="1" t="s">
        <v>165</v>
      </c>
      <c r="H51" s="1" t="s">
        <v>166</v>
      </c>
      <c r="I51" s="1" t="s">
        <v>83</v>
      </c>
      <c r="J51" s="1">
        <v>35.242117899999997</v>
      </c>
      <c r="K51" s="1">
        <v>133.1354158</v>
      </c>
    </row>
    <row r="52" spans="1:11" x14ac:dyDescent="0.15">
      <c r="A52" s="1" t="s">
        <v>993</v>
      </c>
      <c r="B52" s="1"/>
      <c r="C52" s="1"/>
      <c r="D52" s="1" t="s">
        <v>1270</v>
      </c>
      <c r="E52" s="1"/>
      <c r="F52" s="1" t="s">
        <v>167</v>
      </c>
      <c r="G52" s="1" t="s">
        <v>168</v>
      </c>
      <c r="H52" s="1" t="s">
        <v>169</v>
      </c>
      <c r="I52" s="1" t="s">
        <v>83</v>
      </c>
      <c r="J52" s="1">
        <v>35.252400799999997</v>
      </c>
      <c r="K52" s="1">
        <v>133.1773408</v>
      </c>
    </row>
    <row r="53" spans="1:11" x14ac:dyDescent="0.15">
      <c r="A53" s="1" t="s">
        <v>993</v>
      </c>
      <c r="B53" s="1"/>
      <c r="C53" s="1"/>
      <c r="D53" s="1" t="s">
        <v>1271</v>
      </c>
      <c r="E53" s="1"/>
      <c r="F53" s="1" t="s">
        <v>170</v>
      </c>
      <c r="G53" s="1" t="s">
        <v>171</v>
      </c>
      <c r="H53" s="1" t="s">
        <v>172</v>
      </c>
      <c r="I53" s="1" t="s">
        <v>83</v>
      </c>
      <c r="J53" s="1">
        <v>35.324127500000003</v>
      </c>
      <c r="K53" s="1">
        <v>133.10839139999999</v>
      </c>
    </row>
    <row r="54" spans="1:11" x14ac:dyDescent="0.15">
      <c r="A54" s="1" t="s">
        <v>993</v>
      </c>
      <c r="B54" s="1"/>
      <c r="C54" s="1"/>
      <c r="D54" s="1" t="s">
        <v>1272</v>
      </c>
      <c r="E54" s="1"/>
      <c r="F54" s="1" t="s">
        <v>173</v>
      </c>
      <c r="G54" s="1" t="s">
        <v>1086</v>
      </c>
      <c r="H54" s="1" t="s">
        <v>174</v>
      </c>
      <c r="I54" s="1" t="s">
        <v>83</v>
      </c>
      <c r="J54" s="1">
        <v>35.3463262</v>
      </c>
      <c r="K54" s="1">
        <v>133.14927510000001</v>
      </c>
    </row>
    <row r="55" spans="1:11" x14ac:dyDescent="0.15">
      <c r="A55" s="1" t="s">
        <v>993</v>
      </c>
      <c r="B55" s="1"/>
      <c r="C55" s="1"/>
      <c r="D55" s="1" t="s">
        <v>1273</v>
      </c>
      <c r="E55" s="1"/>
      <c r="F55" s="1" t="s">
        <v>175</v>
      </c>
      <c r="G55" s="1" t="s">
        <v>176</v>
      </c>
      <c r="H55" s="1" t="s">
        <v>177</v>
      </c>
      <c r="I55" s="1" t="s">
        <v>83</v>
      </c>
      <c r="J55" s="1">
        <v>35.276739300000003</v>
      </c>
      <c r="K55" s="1">
        <v>133.12420990000001</v>
      </c>
    </row>
    <row r="56" spans="1:11" x14ac:dyDescent="0.15">
      <c r="A56" s="1" t="s">
        <v>993</v>
      </c>
      <c r="B56" s="1"/>
      <c r="C56" s="1"/>
      <c r="D56" s="1" t="s">
        <v>1274</v>
      </c>
      <c r="E56" s="1"/>
      <c r="F56" s="1" t="s">
        <v>178</v>
      </c>
      <c r="G56" s="1" t="s">
        <v>179</v>
      </c>
      <c r="H56" s="1" t="s">
        <v>180</v>
      </c>
      <c r="I56" s="1" t="s">
        <v>83</v>
      </c>
      <c r="J56" s="1">
        <v>35.279650699999998</v>
      </c>
      <c r="K56" s="1">
        <v>133.077045</v>
      </c>
    </row>
    <row r="57" spans="1:11" x14ac:dyDescent="0.15">
      <c r="A57" s="1" t="s">
        <v>993</v>
      </c>
      <c r="B57" s="1"/>
      <c r="C57" s="1"/>
      <c r="D57" s="1" t="s">
        <v>1275</v>
      </c>
      <c r="E57" s="1"/>
      <c r="F57" s="1" t="s">
        <v>181</v>
      </c>
      <c r="G57" s="1" t="s">
        <v>182</v>
      </c>
      <c r="H57" s="1" t="s">
        <v>183</v>
      </c>
      <c r="I57" s="1" t="s">
        <v>83</v>
      </c>
      <c r="J57" s="1">
        <v>35.336819200000001</v>
      </c>
      <c r="K57" s="1">
        <v>133.17306529999999</v>
      </c>
    </row>
    <row r="58" spans="1:11" x14ac:dyDescent="0.15">
      <c r="A58" s="1" t="s">
        <v>993</v>
      </c>
      <c r="B58" s="1"/>
      <c r="C58" s="1"/>
      <c r="D58" s="1" t="s">
        <v>1276</v>
      </c>
      <c r="E58" s="1"/>
      <c r="F58" s="1" t="s">
        <v>184</v>
      </c>
      <c r="G58" s="1" t="s">
        <v>185</v>
      </c>
      <c r="H58" s="1" t="s">
        <v>186</v>
      </c>
      <c r="I58" s="1" t="s">
        <v>187</v>
      </c>
      <c r="J58" s="1">
        <v>35.354835999999999</v>
      </c>
      <c r="K58" s="1">
        <v>133.27776349999999</v>
      </c>
    </row>
    <row r="59" spans="1:11" x14ac:dyDescent="0.15">
      <c r="A59" s="1" t="s">
        <v>993</v>
      </c>
      <c r="B59" s="1"/>
      <c r="C59" s="1"/>
      <c r="D59" s="1" t="s">
        <v>1277</v>
      </c>
      <c r="E59" s="1"/>
      <c r="F59" s="1" t="s">
        <v>188</v>
      </c>
      <c r="G59" s="1" t="s">
        <v>1087</v>
      </c>
      <c r="H59" s="1" t="s">
        <v>189</v>
      </c>
      <c r="I59" s="1" t="s">
        <v>190</v>
      </c>
      <c r="J59" s="1">
        <v>35.371137400000002</v>
      </c>
      <c r="K59" s="1">
        <v>133.2837844</v>
      </c>
    </row>
    <row r="60" spans="1:11" x14ac:dyDescent="0.15">
      <c r="A60" s="1" t="s">
        <v>993</v>
      </c>
      <c r="B60" s="1"/>
      <c r="C60" s="1"/>
      <c r="D60" s="1" t="s">
        <v>1278</v>
      </c>
      <c r="E60" s="1"/>
      <c r="F60" s="1" t="s">
        <v>191</v>
      </c>
      <c r="G60" s="1" t="s">
        <v>1088</v>
      </c>
      <c r="H60" s="1" t="s">
        <v>192</v>
      </c>
      <c r="I60" s="1" t="s">
        <v>193</v>
      </c>
      <c r="J60" s="1">
        <v>35.352600099999997</v>
      </c>
      <c r="K60" s="1">
        <v>133.27330549999999</v>
      </c>
    </row>
    <row r="61" spans="1:11" x14ac:dyDescent="0.15">
      <c r="A61" s="1" t="s">
        <v>993</v>
      </c>
      <c r="B61" s="1"/>
      <c r="C61" s="1"/>
      <c r="D61" s="1" t="s">
        <v>1279</v>
      </c>
      <c r="E61" s="1"/>
      <c r="F61" s="1" t="s">
        <v>194</v>
      </c>
      <c r="G61" s="1" t="s">
        <v>1089</v>
      </c>
      <c r="H61" s="1" t="s">
        <v>195</v>
      </c>
      <c r="I61" s="1" t="s">
        <v>196</v>
      </c>
      <c r="J61" s="1">
        <v>35.333963199999999</v>
      </c>
      <c r="K61" s="1">
        <v>133.2730344</v>
      </c>
    </row>
    <row r="62" spans="1:11" x14ac:dyDescent="0.15">
      <c r="A62" s="1" t="s">
        <v>993</v>
      </c>
      <c r="B62" s="1"/>
      <c r="C62" s="1"/>
      <c r="D62" s="1" t="s">
        <v>1280</v>
      </c>
      <c r="E62" s="1"/>
      <c r="F62" s="1" t="s">
        <v>197</v>
      </c>
      <c r="G62" s="1" t="s">
        <v>198</v>
      </c>
      <c r="H62" s="1" t="s">
        <v>199</v>
      </c>
      <c r="I62" s="1" t="s">
        <v>200</v>
      </c>
      <c r="J62" s="1">
        <v>35.296081399999998</v>
      </c>
      <c r="K62" s="1">
        <v>133.2601918</v>
      </c>
    </row>
    <row r="63" spans="1:11" x14ac:dyDescent="0.15">
      <c r="A63" s="1" t="s">
        <v>1017</v>
      </c>
      <c r="B63" s="1"/>
      <c r="C63" s="1"/>
      <c r="D63" s="1" t="s">
        <v>1337</v>
      </c>
      <c r="E63" s="1"/>
      <c r="F63" s="1" t="s">
        <v>201</v>
      </c>
      <c r="G63" s="1" t="s">
        <v>202</v>
      </c>
      <c r="H63" s="1" t="s">
        <v>203</v>
      </c>
      <c r="I63" s="1" t="s">
        <v>1090</v>
      </c>
      <c r="J63" s="1">
        <v>35.363894000000002</v>
      </c>
      <c r="K63" s="1">
        <v>132.76128080000001</v>
      </c>
    </row>
    <row r="64" spans="1:11" x14ac:dyDescent="0.15">
      <c r="A64" s="1" t="s">
        <v>1017</v>
      </c>
      <c r="B64" s="1"/>
      <c r="C64" s="1"/>
      <c r="D64" s="1" t="s">
        <v>1338</v>
      </c>
      <c r="E64" s="1"/>
      <c r="F64" s="1" t="s">
        <v>204</v>
      </c>
      <c r="G64" s="1" t="s">
        <v>205</v>
      </c>
      <c r="H64" s="1" t="s">
        <v>206</v>
      </c>
      <c r="I64" s="1" t="s">
        <v>207</v>
      </c>
      <c r="J64" s="1">
        <v>35.366902400000001</v>
      </c>
      <c r="K64" s="1">
        <v>132.77627620000001</v>
      </c>
    </row>
    <row r="65" spans="1:11" x14ac:dyDescent="0.15">
      <c r="A65" s="1" t="s">
        <v>1017</v>
      </c>
      <c r="B65" s="1"/>
      <c r="C65" s="1"/>
      <c r="D65" s="1" t="s">
        <v>1339</v>
      </c>
      <c r="E65" s="1"/>
      <c r="F65" s="1" t="s">
        <v>208</v>
      </c>
      <c r="G65" s="1" t="s">
        <v>209</v>
      </c>
      <c r="H65" s="1" t="s">
        <v>210</v>
      </c>
      <c r="I65" s="1" t="s">
        <v>211</v>
      </c>
      <c r="J65" s="1">
        <v>35.3511563</v>
      </c>
      <c r="K65" s="1">
        <v>132.7510906</v>
      </c>
    </row>
    <row r="66" spans="1:11" x14ac:dyDescent="0.15">
      <c r="A66" s="1" t="s">
        <v>1017</v>
      </c>
      <c r="B66" s="1"/>
      <c r="C66" s="1"/>
      <c r="D66" s="1" t="s">
        <v>1340</v>
      </c>
      <c r="E66" s="1"/>
      <c r="F66" s="1" t="s">
        <v>212</v>
      </c>
      <c r="G66" s="1" t="s">
        <v>213</v>
      </c>
      <c r="H66" s="1" t="s">
        <v>214</v>
      </c>
      <c r="I66" s="1" t="s">
        <v>215</v>
      </c>
      <c r="J66" s="1">
        <v>35.343431899999999</v>
      </c>
      <c r="K66" s="1">
        <v>132.7409251</v>
      </c>
    </row>
    <row r="67" spans="1:11" x14ac:dyDescent="0.15">
      <c r="A67" s="1" t="s">
        <v>1017</v>
      </c>
      <c r="B67" s="1"/>
      <c r="C67" s="1"/>
      <c r="D67" s="1" t="s">
        <v>1341</v>
      </c>
      <c r="E67" s="1"/>
      <c r="F67" s="1" t="s">
        <v>216</v>
      </c>
      <c r="G67" s="1" t="s">
        <v>217</v>
      </c>
      <c r="H67" s="1" t="s">
        <v>218</v>
      </c>
      <c r="I67" s="1" t="s">
        <v>219</v>
      </c>
      <c r="J67" s="1">
        <v>35.361012600000002</v>
      </c>
      <c r="K67" s="1">
        <v>132.72079310000001</v>
      </c>
    </row>
    <row r="68" spans="1:11" x14ac:dyDescent="0.15">
      <c r="A68" s="1" t="s">
        <v>1017</v>
      </c>
      <c r="B68" s="1"/>
      <c r="C68" s="1"/>
      <c r="D68" s="1" t="s">
        <v>1342</v>
      </c>
      <c r="E68" s="1"/>
      <c r="F68" s="1" t="s">
        <v>220</v>
      </c>
      <c r="G68" s="1" t="s">
        <v>1091</v>
      </c>
      <c r="H68" s="1" t="s">
        <v>221</v>
      </c>
      <c r="I68" s="1" t="s">
        <v>222</v>
      </c>
      <c r="J68" s="1">
        <v>35.375133900000002</v>
      </c>
      <c r="K68" s="1">
        <v>132.74638179999999</v>
      </c>
    </row>
    <row r="69" spans="1:11" x14ac:dyDescent="0.15">
      <c r="A69" s="1" t="s">
        <v>1017</v>
      </c>
      <c r="B69" s="1"/>
      <c r="C69" s="1"/>
      <c r="D69" s="1" t="s">
        <v>1343</v>
      </c>
      <c r="E69" s="1"/>
      <c r="F69" s="1" t="s">
        <v>223</v>
      </c>
      <c r="G69" s="1" t="s">
        <v>224</v>
      </c>
      <c r="H69" s="1" t="s">
        <v>225</v>
      </c>
      <c r="I69" s="1" t="s">
        <v>226</v>
      </c>
      <c r="J69" s="1">
        <v>35.392579099999999</v>
      </c>
      <c r="K69" s="1">
        <v>132.73993139999999</v>
      </c>
    </row>
    <row r="70" spans="1:11" x14ac:dyDescent="0.15">
      <c r="A70" s="1" t="s">
        <v>1017</v>
      </c>
      <c r="B70" s="1"/>
      <c r="C70" s="1"/>
      <c r="D70" s="1" t="s">
        <v>1344</v>
      </c>
      <c r="E70" s="1"/>
      <c r="F70" s="1" t="s">
        <v>227</v>
      </c>
      <c r="G70" s="1" t="s">
        <v>228</v>
      </c>
      <c r="H70" s="1" t="s">
        <v>229</v>
      </c>
      <c r="I70" s="1" t="s">
        <v>230</v>
      </c>
      <c r="J70" s="1">
        <v>35.386285999999998</v>
      </c>
      <c r="K70" s="1">
        <v>132.7694094</v>
      </c>
    </row>
    <row r="71" spans="1:11" x14ac:dyDescent="0.15">
      <c r="A71" s="1" t="s">
        <v>1017</v>
      </c>
      <c r="B71" s="1"/>
      <c r="C71" s="1"/>
      <c r="D71" s="1" t="s">
        <v>1345</v>
      </c>
      <c r="E71" s="1"/>
      <c r="F71" s="1" t="s">
        <v>231</v>
      </c>
      <c r="G71" s="1" t="s">
        <v>232</v>
      </c>
      <c r="H71" s="1" t="s">
        <v>233</v>
      </c>
      <c r="I71" s="1" t="s">
        <v>234</v>
      </c>
      <c r="J71" s="1">
        <v>35.403672999999998</v>
      </c>
      <c r="K71" s="1">
        <v>132.77759399999999</v>
      </c>
    </row>
    <row r="72" spans="1:11" x14ac:dyDescent="0.15">
      <c r="A72" s="1" t="s">
        <v>1017</v>
      </c>
      <c r="B72" s="1"/>
      <c r="C72" s="1"/>
      <c r="D72" s="1" t="s">
        <v>1346</v>
      </c>
      <c r="E72" s="1"/>
      <c r="F72" s="1" t="s">
        <v>235</v>
      </c>
      <c r="G72" s="1" t="s">
        <v>236</v>
      </c>
      <c r="H72" s="1" t="s">
        <v>237</v>
      </c>
      <c r="I72" s="1" t="s">
        <v>238</v>
      </c>
      <c r="J72" s="1">
        <v>35.334887600000002</v>
      </c>
      <c r="K72" s="1">
        <v>132.83582139999999</v>
      </c>
    </row>
    <row r="73" spans="1:11" x14ac:dyDescent="0.15">
      <c r="A73" s="1" t="s">
        <v>1017</v>
      </c>
      <c r="B73" s="1"/>
      <c r="C73" s="1"/>
      <c r="D73" s="1" t="s">
        <v>1347</v>
      </c>
      <c r="E73" s="1"/>
      <c r="F73" s="1" t="s">
        <v>239</v>
      </c>
      <c r="G73" s="1" t="s">
        <v>240</v>
      </c>
      <c r="H73" s="1" t="s">
        <v>241</v>
      </c>
      <c r="I73" s="1" t="s">
        <v>242</v>
      </c>
      <c r="J73" s="1">
        <v>35.306135500000003</v>
      </c>
      <c r="K73" s="1">
        <v>132.8052778</v>
      </c>
    </row>
    <row r="74" spans="1:11" x14ac:dyDescent="0.15">
      <c r="A74" s="1" t="s">
        <v>1017</v>
      </c>
      <c r="B74" s="1"/>
      <c r="C74" s="1"/>
      <c r="D74" s="1" t="s">
        <v>1348</v>
      </c>
      <c r="E74" s="1"/>
      <c r="F74" s="1" t="s">
        <v>243</v>
      </c>
      <c r="G74" s="1" t="s">
        <v>244</v>
      </c>
      <c r="H74" s="1" t="s">
        <v>245</v>
      </c>
      <c r="I74" s="1" t="s">
        <v>246</v>
      </c>
      <c r="J74" s="1">
        <v>35.318741600000003</v>
      </c>
      <c r="K74" s="1">
        <v>132.76562569999999</v>
      </c>
    </row>
    <row r="75" spans="1:11" x14ac:dyDescent="0.15">
      <c r="A75" s="1" t="s">
        <v>1017</v>
      </c>
      <c r="B75" s="1"/>
      <c r="C75" s="1"/>
      <c r="D75" s="1" t="s">
        <v>1349</v>
      </c>
      <c r="E75" s="1"/>
      <c r="F75" s="1" t="s">
        <v>247</v>
      </c>
      <c r="G75" s="1" t="s">
        <v>248</v>
      </c>
      <c r="H75" s="1" t="s">
        <v>249</v>
      </c>
      <c r="I75" s="1" t="s">
        <v>250</v>
      </c>
      <c r="J75" s="1">
        <v>35.284567299999999</v>
      </c>
      <c r="K75" s="1">
        <v>132.72526439999999</v>
      </c>
    </row>
    <row r="76" spans="1:11" x14ac:dyDescent="0.15">
      <c r="A76" s="1" t="s">
        <v>1017</v>
      </c>
      <c r="B76" s="1"/>
      <c r="C76" s="1"/>
      <c r="D76" s="1" t="s">
        <v>1350</v>
      </c>
      <c r="E76" s="1"/>
      <c r="F76" s="1" t="s">
        <v>251</v>
      </c>
      <c r="G76" s="1" t="s">
        <v>252</v>
      </c>
      <c r="H76" s="1" t="s">
        <v>253</v>
      </c>
      <c r="I76" s="1" t="s">
        <v>254</v>
      </c>
      <c r="J76" s="1">
        <v>35.336379399999998</v>
      </c>
      <c r="K76" s="1">
        <v>132.72014949999999</v>
      </c>
    </row>
    <row r="77" spans="1:11" x14ac:dyDescent="0.15">
      <c r="A77" s="1" t="s">
        <v>1017</v>
      </c>
      <c r="B77" s="1"/>
      <c r="C77" s="1"/>
      <c r="D77" s="1" t="s">
        <v>1351</v>
      </c>
      <c r="E77" s="1"/>
      <c r="F77" s="1" t="s">
        <v>255</v>
      </c>
      <c r="G77" s="1" t="s">
        <v>256</v>
      </c>
      <c r="H77" s="1" t="s">
        <v>257</v>
      </c>
      <c r="I77" s="1" t="s">
        <v>258</v>
      </c>
      <c r="J77" s="1">
        <v>35.331712699999997</v>
      </c>
      <c r="K77" s="1">
        <v>132.69825499999999</v>
      </c>
    </row>
    <row r="78" spans="1:11" x14ac:dyDescent="0.15">
      <c r="A78" s="1" t="s">
        <v>1017</v>
      </c>
      <c r="B78" s="1"/>
      <c r="C78" s="1"/>
      <c r="D78" s="1" t="s">
        <v>1352</v>
      </c>
      <c r="E78" s="1"/>
      <c r="F78" s="1" t="s">
        <v>259</v>
      </c>
      <c r="G78" s="1" t="s">
        <v>260</v>
      </c>
      <c r="H78" s="1" t="s">
        <v>261</v>
      </c>
      <c r="I78" s="1" t="s">
        <v>262</v>
      </c>
      <c r="J78" s="1">
        <v>35.355479600000002</v>
      </c>
      <c r="K78" s="1">
        <v>132.6963791</v>
      </c>
    </row>
    <row r="79" spans="1:11" x14ac:dyDescent="0.15">
      <c r="A79" s="1" t="s">
        <v>1017</v>
      </c>
      <c r="B79" s="1"/>
      <c r="C79" s="1"/>
      <c r="D79" s="1" t="s">
        <v>1353</v>
      </c>
      <c r="E79" s="1"/>
      <c r="F79" s="1" t="s">
        <v>263</v>
      </c>
      <c r="G79" s="1" t="s">
        <v>264</v>
      </c>
      <c r="H79" s="1" t="s">
        <v>265</v>
      </c>
      <c r="I79" s="1" t="s">
        <v>266</v>
      </c>
      <c r="J79" s="1">
        <v>35.436576000000002</v>
      </c>
      <c r="K79" s="1">
        <v>132.82315740000001</v>
      </c>
    </row>
    <row r="80" spans="1:11" x14ac:dyDescent="0.15">
      <c r="A80" s="1" t="s">
        <v>1017</v>
      </c>
      <c r="B80" s="1"/>
      <c r="C80" s="1"/>
      <c r="D80" s="1" t="s">
        <v>1354</v>
      </c>
      <c r="E80" s="1"/>
      <c r="F80" s="1" t="s">
        <v>267</v>
      </c>
      <c r="G80" s="1" t="s">
        <v>268</v>
      </c>
      <c r="H80" s="1" t="s">
        <v>269</v>
      </c>
      <c r="I80" s="1" t="s">
        <v>270</v>
      </c>
      <c r="J80" s="1">
        <v>35.431062599999997</v>
      </c>
      <c r="K80" s="1">
        <v>132.83743140000001</v>
      </c>
    </row>
    <row r="81" spans="1:11" x14ac:dyDescent="0.15">
      <c r="A81" s="1" t="s">
        <v>1017</v>
      </c>
      <c r="B81" s="1"/>
      <c r="C81" s="1"/>
      <c r="D81" s="1" t="s">
        <v>1355</v>
      </c>
      <c r="E81" s="1"/>
      <c r="F81" s="1" t="s">
        <v>271</v>
      </c>
      <c r="G81" s="1" t="s">
        <v>272</v>
      </c>
      <c r="H81" s="1" t="s">
        <v>273</v>
      </c>
      <c r="I81" s="1" t="s">
        <v>274</v>
      </c>
      <c r="J81" s="1">
        <v>35.425223899999999</v>
      </c>
      <c r="K81" s="1">
        <v>132.80424619999999</v>
      </c>
    </row>
    <row r="82" spans="1:11" x14ac:dyDescent="0.15">
      <c r="A82" s="1" t="s">
        <v>1017</v>
      </c>
      <c r="B82" s="1"/>
      <c r="C82" s="1"/>
      <c r="D82" s="1" t="s">
        <v>1356</v>
      </c>
      <c r="E82" s="1"/>
      <c r="F82" s="1" t="s">
        <v>275</v>
      </c>
      <c r="G82" s="1" t="s">
        <v>276</v>
      </c>
      <c r="H82" s="1" t="s">
        <v>277</v>
      </c>
      <c r="I82" s="1" t="s">
        <v>278</v>
      </c>
      <c r="J82" s="1">
        <v>35.4436769</v>
      </c>
      <c r="K82" s="1">
        <v>132.7841339</v>
      </c>
    </row>
    <row r="83" spans="1:11" x14ac:dyDescent="0.15">
      <c r="A83" s="1" t="s">
        <v>1017</v>
      </c>
      <c r="B83" s="1"/>
      <c r="C83" s="1"/>
      <c r="D83" s="1" t="s">
        <v>1357</v>
      </c>
      <c r="E83" s="1"/>
      <c r="F83" s="1" t="s">
        <v>279</v>
      </c>
      <c r="G83" s="1" t="s">
        <v>280</v>
      </c>
      <c r="H83" s="1" t="s">
        <v>281</v>
      </c>
      <c r="I83" s="1" t="s">
        <v>282</v>
      </c>
      <c r="J83" s="1">
        <v>35.440332599999998</v>
      </c>
      <c r="K83" s="1">
        <v>132.74590409999999</v>
      </c>
    </row>
    <row r="84" spans="1:11" x14ac:dyDescent="0.15">
      <c r="A84" s="1" t="s">
        <v>1017</v>
      </c>
      <c r="B84" s="1"/>
      <c r="C84" s="1"/>
      <c r="D84" s="1" t="s">
        <v>1358</v>
      </c>
      <c r="E84" s="1"/>
      <c r="F84" s="1" t="s">
        <v>283</v>
      </c>
      <c r="G84" s="1" t="s">
        <v>284</v>
      </c>
      <c r="H84" s="1" t="s">
        <v>285</v>
      </c>
      <c r="I84" s="1" t="s">
        <v>286</v>
      </c>
      <c r="J84" s="1">
        <v>35.456656899999999</v>
      </c>
      <c r="K84" s="1">
        <v>132.82194849999999</v>
      </c>
    </row>
    <row r="85" spans="1:11" x14ac:dyDescent="0.15">
      <c r="A85" s="1" t="s">
        <v>1017</v>
      </c>
      <c r="B85" s="1"/>
      <c r="C85" s="1"/>
      <c r="D85" s="1" t="s">
        <v>1359</v>
      </c>
      <c r="E85" s="1"/>
      <c r="F85" s="1" t="s">
        <v>287</v>
      </c>
      <c r="G85" s="1" t="s">
        <v>288</v>
      </c>
      <c r="H85" s="1" t="s">
        <v>289</v>
      </c>
      <c r="I85" s="1" t="s">
        <v>290</v>
      </c>
      <c r="J85" s="1">
        <v>35.4605958</v>
      </c>
      <c r="K85" s="1">
        <v>132.84592960000001</v>
      </c>
    </row>
    <row r="86" spans="1:11" x14ac:dyDescent="0.15">
      <c r="A86" s="1" t="s">
        <v>1017</v>
      </c>
      <c r="B86" s="1"/>
      <c r="C86" s="1"/>
      <c r="D86" s="1" t="s">
        <v>1360</v>
      </c>
      <c r="E86" s="1"/>
      <c r="F86" s="1" t="s">
        <v>291</v>
      </c>
      <c r="G86" s="1" t="s">
        <v>292</v>
      </c>
      <c r="H86" s="1" t="s">
        <v>293</v>
      </c>
      <c r="I86" s="1" t="s">
        <v>294</v>
      </c>
      <c r="J86" s="1">
        <v>35.458902199999997</v>
      </c>
      <c r="K86" s="1">
        <v>132.87037230000001</v>
      </c>
    </row>
    <row r="87" spans="1:11" x14ac:dyDescent="0.15">
      <c r="A87" s="1" t="s">
        <v>1017</v>
      </c>
      <c r="B87" s="1"/>
      <c r="C87" s="1"/>
      <c r="D87" s="1" t="s">
        <v>1361</v>
      </c>
      <c r="E87" s="1"/>
      <c r="F87" s="1" t="s">
        <v>295</v>
      </c>
      <c r="G87" s="1" t="s">
        <v>296</v>
      </c>
      <c r="H87" s="1" t="s">
        <v>297</v>
      </c>
      <c r="I87" s="1" t="s">
        <v>298</v>
      </c>
      <c r="J87" s="1">
        <v>35.457533599999998</v>
      </c>
      <c r="K87" s="1">
        <v>132.75505269999999</v>
      </c>
    </row>
    <row r="88" spans="1:11" x14ac:dyDescent="0.15">
      <c r="A88" s="1" t="s">
        <v>1017</v>
      </c>
      <c r="B88" s="1"/>
      <c r="C88" s="1"/>
      <c r="D88" s="1" t="s">
        <v>1362</v>
      </c>
      <c r="E88" s="1"/>
      <c r="F88" s="1" t="s">
        <v>299</v>
      </c>
      <c r="G88" s="1" t="s">
        <v>300</v>
      </c>
      <c r="H88" s="1" t="s">
        <v>301</v>
      </c>
      <c r="I88" s="1" t="s">
        <v>302</v>
      </c>
      <c r="J88" s="1">
        <v>35.500027500000002</v>
      </c>
      <c r="K88" s="1">
        <v>132.84874199999999</v>
      </c>
    </row>
    <row r="89" spans="1:11" x14ac:dyDescent="0.15">
      <c r="A89" s="1" t="s">
        <v>1017</v>
      </c>
      <c r="B89" s="1"/>
      <c r="C89" s="1"/>
      <c r="D89" s="1" t="s">
        <v>1363</v>
      </c>
      <c r="E89" s="1"/>
      <c r="F89" s="1" t="s">
        <v>303</v>
      </c>
      <c r="G89" s="1" t="s">
        <v>304</v>
      </c>
      <c r="H89" s="1" t="s">
        <v>305</v>
      </c>
      <c r="I89" s="1" t="s">
        <v>306</v>
      </c>
      <c r="J89" s="1">
        <v>35.485141800000001</v>
      </c>
      <c r="K89" s="1">
        <v>132.8949284</v>
      </c>
    </row>
    <row r="90" spans="1:11" x14ac:dyDescent="0.15">
      <c r="A90" s="1" t="s">
        <v>1017</v>
      </c>
      <c r="B90" s="1"/>
      <c r="C90" s="1"/>
      <c r="D90" s="1" t="s">
        <v>1364</v>
      </c>
      <c r="E90" s="1"/>
      <c r="F90" s="1" t="s">
        <v>307</v>
      </c>
      <c r="G90" s="1" t="s">
        <v>308</v>
      </c>
      <c r="H90" s="1" t="s">
        <v>309</v>
      </c>
      <c r="I90" s="1" t="s">
        <v>310</v>
      </c>
      <c r="J90" s="1">
        <v>35.253750400000001</v>
      </c>
      <c r="K90" s="1">
        <v>132.71826799999999</v>
      </c>
    </row>
    <row r="91" spans="1:11" x14ac:dyDescent="0.15">
      <c r="A91" s="1" t="s">
        <v>1017</v>
      </c>
      <c r="B91" s="1"/>
      <c r="C91" s="1"/>
      <c r="D91" s="1" t="s">
        <v>1365</v>
      </c>
      <c r="E91" s="1"/>
      <c r="F91" s="1" t="s">
        <v>311</v>
      </c>
      <c r="G91" s="1" t="s">
        <v>312</v>
      </c>
      <c r="H91" s="1" t="s">
        <v>313</v>
      </c>
      <c r="I91" s="1" t="s">
        <v>314</v>
      </c>
      <c r="J91" s="1">
        <v>35.247235400000001</v>
      </c>
      <c r="K91" s="1">
        <v>132.69269159999999</v>
      </c>
    </row>
    <row r="92" spans="1:11" x14ac:dyDescent="0.15">
      <c r="A92" s="1" t="s">
        <v>1017</v>
      </c>
      <c r="B92" s="1"/>
      <c r="C92" s="1"/>
      <c r="D92" s="1" t="s">
        <v>1366</v>
      </c>
      <c r="E92" s="1"/>
      <c r="F92" s="1" t="s">
        <v>315</v>
      </c>
      <c r="G92" s="1" t="s">
        <v>316</v>
      </c>
      <c r="H92" s="1" t="s">
        <v>317</v>
      </c>
      <c r="I92" s="1" t="s">
        <v>318</v>
      </c>
      <c r="J92" s="1">
        <v>35.285131900000003</v>
      </c>
      <c r="K92" s="1">
        <v>132.6254629</v>
      </c>
    </row>
    <row r="93" spans="1:11" x14ac:dyDescent="0.15">
      <c r="A93" s="1" t="s">
        <v>1017</v>
      </c>
      <c r="B93" s="1"/>
      <c r="C93" s="1"/>
      <c r="D93" s="1" t="s">
        <v>1367</v>
      </c>
      <c r="E93" s="1"/>
      <c r="F93" s="1" t="s">
        <v>319</v>
      </c>
      <c r="G93" s="1" t="s">
        <v>320</v>
      </c>
      <c r="H93" s="1" t="s">
        <v>321</v>
      </c>
      <c r="I93" s="1" t="s">
        <v>322</v>
      </c>
      <c r="J93" s="1">
        <v>35.322732899999998</v>
      </c>
      <c r="K93" s="1">
        <v>132.67501619999999</v>
      </c>
    </row>
    <row r="94" spans="1:11" x14ac:dyDescent="0.15">
      <c r="A94" s="1" t="s">
        <v>1017</v>
      </c>
      <c r="B94" s="1"/>
      <c r="C94" s="1"/>
      <c r="D94" s="1" t="s">
        <v>1368</v>
      </c>
      <c r="E94" s="1"/>
      <c r="F94" s="1" t="s">
        <v>323</v>
      </c>
      <c r="G94" s="1" t="s">
        <v>324</v>
      </c>
      <c r="H94" s="1" t="s">
        <v>325</v>
      </c>
      <c r="I94" s="1" t="s">
        <v>326</v>
      </c>
      <c r="J94" s="1">
        <v>35.394277799999998</v>
      </c>
      <c r="K94" s="1">
        <v>132.67961500000001</v>
      </c>
    </row>
    <row r="95" spans="1:11" x14ac:dyDescent="0.15">
      <c r="A95" s="1" t="s">
        <v>1017</v>
      </c>
      <c r="B95" s="1"/>
      <c r="C95" s="1"/>
      <c r="D95" s="1" t="s">
        <v>1369</v>
      </c>
      <c r="E95" s="1"/>
      <c r="F95" s="1" t="s">
        <v>327</v>
      </c>
      <c r="G95" s="1" t="s">
        <v>328</v>
      </c>
      <c r="H95" s="1" t="s">
        <v>329</v>
      </c>
      <c r="I95" s="1" t="s">
        <v>330</v>
      </c>
      <c r="J95" s="1">
        <v>35.383196099999999</v>
      </c>
      <c r="K95" s="1">
        <v>132.69052289999999</v>
      </c>
    </row>
    <row r="96" spans="1:11" x14ac:dyDescent="0.15">
      <c r="A96" s="1" t="s">
        <v>1017</v>
      </c>
      <c r="B96" s="1"/>
      <c r="C96" s="1"/>
      <c r="D96" s="1" t="s">
        <v>1370</v>
      </c>
      <c r="E96" s="1"/>
      <c r="F96" s="1" t="s">
        <v>331</v>
      </c>
      <c r="G96" s="1" t="s">
        <v>332</v>
      </c>
      <c r="H96" s="1" t="s">
        <v>333</v>
      </c>
      <c r="I96" s="1" t="s">
        <v>334</v>
      </c>
      <c r="J96" s="1">
        <v>35.392309500000003</v>
      </c>
      <c r="K96" s="1">
        <v>132.7194361</v>
      </c>
    </row>
    <row r="97" spans="1:11" x14ac:dyDescent="0.15">
      <c r="A97" s="1" t="s">
        <v>1017</v>
      </c>
      <c r="B97" s="1"/>
      <c r="C97" s="1"/>
      <c r="D97" s="1" t="s">
        <v>1371</v>
      </c>
      <c r="E97" s="1"/>
      <c r="F97" s="1" t="s">
        <v>335</v>
      </c>
      <c r="G97" s="1" t="s">
        <v>336</v>
      </c>
      <c r="H97" s="1" t="s">
        <v>337</v>
      </c>
      <c r="I97" s="1" t="s">
        <v>338</v>
      </c>
      <c r="J97" s="1">
        <v>35.429156900000002</v>
      </c>
      <c r="K97" s="1">
        <v>132.63607250000001</v>
      </c>
    </row>
    <row r="98" spans="1:11" x14ac:dyDescent="0.15">
      <c r="A98" s="1" t="s">
        <v>1017</v>
      </c>
      <c r="B98" s="1"/>
      <c r="C98" s="1"/>
      <c r="D98" s="1" t="s">
        <v>1372</v>
      </c>
      <c r="E98" s="1"/>
      <c r="F98" s="1" t="s">
        <v>339</v>
      </c>
      <c r="G98" s="1" t="s">
        <v>1092</v>
      </c>
      <c r="H98" s="1" t="s">
        <v>340</v>
      </c>
      <c r="I98" s="1" t="s">
        <v>341</v>
      </c>
      <c r="J98" s="1">
        <v>35.441447799999999</v>
      </c>
      <c r="K98" s="1">
        <v>132.69164499999999</v>
      </c>
    </row>
    <row r="99" spans="1:11" x14ac:dyDescent="0.15">
      <c r="A99" s="1" t="s">
        <v>1017</v>
      </c>
      <c r="B99" s="1"/>
      <c r="C99" s="1"/>
      <c r="D99" s="1" t="s">
        <v>1373</v>
      </c>
      <c r="E99" s="1"/>
      <c r="F99" s="1" t="s">
        <v>342</v>
      </c>
      <c r="G99" s="1" t="s">
        <v>343</v>
      </c>
      <c r="H99" s="1" t="s">
        <v>344</v>
      </c>
      <c r="I99" s="1" t="s">
        <v>345</v>
      </c>
      <c r="J99" s="1">
        <v>35.3969022</v>
      </c>
      <c r="K99" s="1">
        <v>132.85747309999999</v>
      </c>
    </row>
    <row r="100" spans="1:11" x14ac:dyDescent="0.15">
      <c r="A100" s="1" t="s">
        <v>1017</v>
      </c>
      <c r="B100" s="1"/>
      <c r="C100" s="1"/>
      <c r="D100" s="1" t="s">
        <v>1374</v>
      </c>
      <c r="E100" s="1"/>
      <c r="F100" s="1" t="s">
        <v>346</v>
      </c>
      <c r="G100" s="1" t="s">
        <v>347</v>
      </c>
      <c r="H100" s="1" t="s">
        <v>348</v>
      </c>
      <c r="I100" s="1" t="s">
        <v>349</v>
      </c>
      <c r="J100" s="1">
        <v>35.364822500000002</v>
      </c>
      <c r="K100" s="1">
        <v>132.79361040000001</v>
      </c>
    </row>
    <row r="101" spans="1:11" x14ac:dyDescent="0.15">
      <c r="A101" s="1" t="s">
        <v>1017</v>
      </c>
      <c r="B101" s="1"/>
      <c r="C101" s="1"/>
      <c r="D101" s="1" t="s">
        <v>1375</v>
      </c>
      <c r="E101" s="1"/>
      <c r="F101" s="1" t="s">
        <v>350</v>
      </c>
      <c r="G101" s="1" t="s">
        <v>351</v>
      </c>
      <c r="H101" s="1" t="s">
        <v>352</v>
      </c>
      <c r="I101" s="1" t="s">
        <v>353</v>
      </c>
      <c r="J101" s="1">
        <v>35.341828599999999</v>
      </c>
      <c r="K101" s="1">
        <v>132.840318</v>
      </c>
    </row>
    <row r="102" spans="1:11" x14ac:dyDescent="0.15">
      <c r="A102" s="1" t="s">
        <v>1017</v>
      </c>
      <c r="B102" s="1"/>
      <c r="C102" s="1"/>
      <c r="D102" s="1" t="s">
        <v>1376</v>
      </c>
      <c r="E102" s="1"/>
      <c r="F102" s="1" t="s">
        <v>354</v>
      </c>
      <c r="G102" s="1" t="s">
        <v>355</v>
      </c>
      <c r="H102" s="1" t="s">
        <v>356</v>
      </c>
      <c r="I102" s="1" t="s">
        <v>357</v>
      </c>
      <c r="J102" s="1">
        <v>35.3867476</v>
      </c>
      <c r="K102" s="1">
        <v>132.80124240000001</v>
      </c>
    </row>
    <row r="103" spans="1:11" x14ac:dyDescent="0.15">
      <c r="A103" s="1" t="s">
        <v>1017</v>
      </c>
      <c r="B103" s="1"/>
      <c r="C103" s="1"/>
      <c r="D103" s="1" t="s">
        <v>1377</v>
      </c>
      <c r="E103" s="1"/>
      <c r="F103" s="1" t="s">
        <v>358</v>
      </c>
      <c r="G103" s="1" t="s">
        <v>359</v>
      </c>
      <c r="H103" s="1" t="s">
        <v>360</v>
      </c>
      <c r="I103" s="1" t="s">
        <v>361</v>
      </c>
      <c r="J103" s="1">
        <v>35.390136099999999</v>
      </c>
      <c r="K103" s="1">
        <v>132.82074890000001</v>
      </c>
    </row>
    <row r="104" spans="1:11" x14ac:dyDescent="0.15">
      <c r="A104" s="1" t="s">
        <v>1017</v>
      </c>
      <c r="B104" s="1"/>
      <c r="C104" s="1"/>
      <c r="D104" s="1" t="s">
        <v>1378</v>
      </c>
      <c r="E104" s="1"/>
      <c r="F104" s="1" t="s">
        <v>362</v>
      </c>
      <c r="G104" s="1" t="s">
        <v>363</v>
      </c>
      <c r="H104" s="1" t="s">
        <v>364</v>
      </c>
      <c r="I104" s="1" t="s">
        <v>365</v>
      </c>
      <c r="J104" s="1">
        <v>35.404317800000001</v>
      </c>
      <c r="K104" s="1">
        <v>132.8191152</v>
      </c>
    </row>
    <row r="105" spans="1:11" x14ac:dyDescent="0.15">
      <c r="A105" s="1" t="s">
        <v>1017</v>
      </c>
      <c r="B105" s="1"/>
      <c r="C105" s="1"/>
      <c r="D105" s="1" t="s">
        <v>1379</v>
      </c>
      <c r="E105" s="1"/>
      <c r="F105" s="1" t="s">
        <v>366</v>
      </c>
      <c r="G105" s="1" t="s">
        <v>367</v>
      </c>
      <c r="H105" s="1" t="s">
        <v>368</v>
      </c>
      <c r="I105" s="1" t="s">
        <v>369</v>
      </c>
      <c r="J105" s="1">
        <v>35.416791600000003</v>
      </c>
      <c r="K105" s="1">
        <v>132.8545474</v>
      </c>
    </row>
    <row r="106" spans="1:11" x14ac:dyDescent="0.15">
      <c r="A106" s="1" t="s">
        <v>1018</v>
      </c>
      <c r="B106" s="1"/>
      <c r="C106" s="1"/>
      <c r="D106" s="1" t="s">
        <v>1281</v>
      </c>
      <c r="E106" s="1"/>
      <c r="F106" s="1" t="s">
        <v>370</v>
      </c>
      <c r="G106" s="1" t="s">
        <v>371</v>
      </c>
      <c r="H106" s="1" t="s">
        <v>372</v>
      </c>
      <c r="I106" s="1" t="s">
        <v>83</v>
      </c>
      <c r="J106" s="1">
        <v>35.321647599999999</v>
      </c>
      <c r="K106" s="1">
        <v>132.96388970000001</v>
      </c>
    </row>
    <row r="107" spans="1:11" x14ac:dyDescent="0.15">
      <c r="A107" s="1" t="s">
        <v>1018</v>
      </c>
      <c r="B107" s="1"/>
      <c r="C107" s="1"/>
      <c r="D107" s="1" t="s">
        <v>1282</v>
      </c>
      <c r="E107" s="1"/>
      <c r="F107" s="1" t="s">
        <v>373</v>
      </c>
      <c r="G107" s="1" t="s">
        <v>374</v>
      </c>
      <c r="H107" s="1" t="s">
        <v>375</v>
      </c>
      <c r="I107" s="1" t="s">
        <v>83</v>
      </c>
      <c r="J107" s="1">
        <v>35.329782399999999</v>
      </c>
      <c r="K107" s="1">
        <v>132.95270450000001</v>
      </c>
    </row>
    <row r="108" spans="1:11" x14ac:dyDescent="0.15">
      <c r="A108" s="1" t="s">
        <v>1018</v>
      </c>
      <c r="B108" s="1"/>
      <c r="C108" s="1"/>
      <c r="D108" s="1" t="s">
        <v>1283</v>
      </c>
      <c r="E108" s="1"/>
      <c r="F108" s="1" t="s">
        <v>376</v>
      </c>
      <c r="G108" s="1" t="s">
        <v>377</v>
      </c>
      <c r="H108" s="1" t="s">
        <v>378</v>
      </c>
      <c r="I108" s="1" t="s">
        <v>83</v>
      </c>
      <c r="J108" s="1">
        <v>35.347099200000002</v>
      </c>
      <c r="K108" s="1">
        <v>132.94257469999999</v>
      </c>
    </row>
    <row r="109" spans="1:11" x14ac:dyDescent="0.15">
      <c r="A109" s="1" t="s">
        <v>1018</v>
      </c>
      <c r="B109" s="1"/>
      <c r="C109" s="1"/>
      <c r="D109" s="1" t="s">
        <v>1284</v>
      </c>
      <c r="E109" s="1"/>
      <c r="F109" s="1" t="s">
        <v>379</v>
      </c>
      <c r="G109" s="1" t="s">
        <v>380</v>
      </c>
      <c r="H109" s="1" t="s">
        <v>381</v>
      </c>
      <c r="I109" s="1" t="s">
        <v>83</v>
      </c>
      <c r="J109" s="1">
        <v>35.309884500000003</v>
      </c>
      <c r="K109" s="1">
        <v>132.94554189999999</v>
      </c>
    </row>
    <row r="110" spans="1:11" x14ac:dyDescent="0.15">
      <c r="A110" s="1" t="s">
        <v>1018</v>
      </c>
      <c r="B110" s="1"/>
      <c r="C110" s="1"/>
      <c r="D110" s="1" t="s">
        <v>1285</v>
      </c>
      <c r="E110" s="1"/>
      <c r="F110" s="1" t="s">
        <v>382</v>
      </c>
      <c r="G110" s="1" t="s">
        <v>383</v>
      </c>
      <c r="H110" s="1" t="s">
        <v>384</v>
      </c>
      <c r="I110" s="1" t="s">
        <v>83</v>
      </c>
      <c r="J110" s="1">
        <v>35.307049399999997</v>
      </c>
      <c r="K110" s="1">
        <v>132.96801479999999</v>
      </c>
    </row>
    <row r="111" spans="1:11" x14ac:dyDescent="0.15">
      <c r="A111" s="1" t="s">
        <v>1018</v>
      </c>
      <c r="B111" s="1"/>
      <c r="C111" s="1"/>
      <c r="D111" s="1" t="s">
        <v>1286</v>
      </c>
      <c r="E111" s="1"/>
      <c r="F111" s="1" t="s">
        <v>385</v>
      </c>
      <c r="G111" s="1" t="s">
        <v>386</v>
      </c>
      <c r="H111" s="1" t="s">
        <v>387</v>
      </c>
      <c r="I111" s="1" t="s">
        <v>83</v>
      </c>
      <c r="J111" s="1">
        <v>35.267848100000002</v>
      </c>
      <c r="K111" s="1">
        <v>133.03302170000001</v>
      </c>
    </row>
    <row r="112" spans="1:11" x14ac:dyDescent="0.15">
      <c r="A112" s="1" t="s">
        <v>1018</v>
      </c>
      <c r="B112" s="1"/>
      <c r="C112" s="1"/>
      <c r="D112" s="1" t="s">
        <v>1287</v>
      </c>
      <c r="E112" s="1"/>
      <c r="F112" s="1" t="s">
        <v>388</v>
      </c>
      <c r="G112" s="1" t="s">
        <v>389</v>
      </c>
      <c r="H112" s="1" t="s">
        <v>390</v>
      </c>
      <c r="I112" s="1" t="s">
        <v>83</v>
      </c>
      <c r="J112" s="1">
        <v>35.335094900000001</v>
      </c>
      <c r="K112" s="1">
        <v>133.02245809999999</v>
      </c>
    </row>
    <row r="113" spans="1:11" x14ac:dyDescent="0.15">
      <c r="A113" s="1" t="s">
        <v>1018</v>
      </c>
      <c r="B113" s="1"/>
      <c r="C113" s="1"/>
      <c r="D113" s="1" t="s">
        <v>1288</v>
      </c>
      <c r="E113" s="1"/>
      <c r="F113" s="1" t="s">
        <v>391</v>
      </c>
      <c r="G113" s="1" t="s">
        <v>1093</v>
      </c>
      <c r="H113" s="1" t="s">
        <v>392</v>
      </c>
      <c r="I113" s="1" t="s">
        <v>83</v>
      </c>
      <c r="J113" s="1">
        <v>35.295266400000003</v>
      </c>
      <c r="K113" s="1">
        <v>133.0219592</v>
      </c>
    </row>
    <row r="114" spans="1:11" x14ac:dyDescent="0.15">
      <c r="A114" s="1" t="s">
        <v>1018</v>
      </c>
      <c r="B114" s="1"/>
      <c r="C114" s="1"/>
      <c r="D114" s="1" t="s">
        <v>1289</v>
      </c>
      <c r="E114" s="1"/>
      <c r="F114" s="1" t="s">
        <v>393</v>
      </c>
      <c r="G114" s="1" t="s">
        <v>394</v>
      </c>
      <c r="H114" s="1" t="s">
        <v>395</v>
      </c>
      <c r="I114" s="1" t="s">
        <v>396</v>
      </c>
      <c r="J114" s="1">
        <v>35.346073500000003</v>
      </c>
      <c r="K114" s="1">
        <v>132.90901170000001</v>
      </c>
    </row>
    <row r="115" spans="1:11" x14ac:dyDescent="0.15">
      <c r="A115" s="1" t="s">
        <v>1018</v>
      </c>
      <c r="B115" s="1"/>
      <c r="C115" s="1"/>
      <c r="D115" s="1" t="s">
        <v>1290</v>
      </c>
      <c r="E115" s="1"/>
      <c r="F115" s="1" t="s">
        <v>397</v>
      </c>
      <c r="G115" s="1" t="s">
        <v>398</v>
      </c>
      <c r="H115" s="1" t="s">
        <v>399</v>
      </c>
      <c r="I115" s="1" t="s">
        <v>83</v>
      </c>
      <c r="J115" s="1">
        <v>35.2887366</v>
      </c>
      <c r="K115" s="1">
        <v>132.9028247</v>
      </c>
    </row>
    <row r="116" spans="1:11" x14ac:dyDescent="0.15">
      <c r="A116" s="1" t="s">
        <v>1018</v>
      </c>
      <c r="B116" s="1"/>
      <c r="C116" s="1"/>
      <c r="D116" s="1" t="s">
        <v>1291</v>
      </c>
      <c r="E116" s="1"/>
      <c r="F116" s="1" t="s">
        <v>397</v>
      </c>
      <c r="G116" s="1" t="s">
        <v>400</v>
      </c>
      <c r="H116" s="1" t="s">
        <v>401</v>
      </c>
      <c r="I116" s="1" t="s">
        <v>83</v>
      </c>
      <c r="J116" s="1">
        <v>35.2919889</v>
      </c>
      <c r="K116" s="1">
        <v>132.9002054</v>
      </c>
    </row>
    <row r="117" spans="1:11" x14ac:dyDescent="0.15">
      <c r="A117" s="1" t="s">
        <v>1018</v>
      </c>
      <c r="B117" s="1"/>
      <c r="C117" s="1"/>
      <c r="D117" s="1" t="s">
        <v>1292</v>
      </c>
      <c r="E117" s="1"/>
      <c r="F117" s="1" t="s">
        <v>402</v>
      </c>
      <c r="G117" s="1" t="s">
        <v>403</v>
      </c>
      <c r="H117" s="1" t="s">
        <v>404</v>
      </c>
      <c r="I117" s="1" t="s">
        <v>405</v>
      </c>
      <c r="J117" s="1">
        <v>35.290283500000001</v>
      </c>
      <c r="K117" s="1">
        <v>132.8973475</v>
      </c>
    </row>
    <row r="118" spans="1:11" x14ac:dyDescent="0.15">
      <c r="A118" s="1" t="s">
        <v>1018</v>
      </c>
      <c r="B118" s="1"/>
      <c r="C118" s="1"/>
      <c r="D118" s="1" t="s">
        <v>1293</v>
      </c>
      <c r="E118" s="1"/>
      <c r="F118" s="1" t="s">
        <v>406</v>
      </c>
      <c r="G118" s="1" t="s">
        <v>407</v>
      </c>
      <c r="H118" s="1" t="s">
        <v>408</v>
      </c>
      <c r="I118" s="1" t="s">
        <v>83</v>
      </c>
      <c r="J118" s="1">
        <v>35.296552200000001</v>
      </c>
      <c r="K118" s="1">
        <v>132.8978084</v>
      </c>
    </row>
    <row r="119" spans="1:11" x14ac:dyDescent="0.15">
      <c r="A119" s="1" t="s">
        <v>1018</v>
      </c>
      <c r="B119" s="1"/>
      <c r="C119" s="1"/>
      <c r="D119" s="1" t="s">
        <v>1294</v>
      </c>
      <c r="E119" s="1"/>
      <c r="F119" s="1" t="s">
        <v>409</v>
      </c>
      <c r="G119" s="1" t="s">
        <v>1094</v>
      </c>
      <c r="H119" s="1" t="s">
        <v>410</v>
      </c>
      <c r="I119" s="1" t="s">
        <v>83</v>
      </c>
      <c r="J119" s="1">
        <v>35.3064453</v>
      </c>
      <c r="K119" s="1">
        <v>132.90556269999999</v>
      </c>
    </row>
    <row r="120" spans="1:11" x14ac:dyDescent="0.15">
      <c r="A120" s="1" t="s">
        <v>1018</v>
      </c>
      <c r="B120" s="1"/>
      <c r="C120" s="1"/>
      <c r="D120" s="1" t="s">
        <v>1295</v>
      </c>
      <c r="E120" s="1"/>
      <c r="F120" s="1" t="s">
        <v>411</v>
      </c>
      <c r="G120" s="1" t="s">
        <v>412</v>
      </c>
      <c r="H120" s="1" t="s">
        <v>413</v>
      </c>
      <c r="I120" s="1" t="s">
        <v>83</v>
      </c>
      <c r="J120" s="1">
        <v>35.279482799999997</v>
      </c>
      <c r="K120" s="1">
        <v>132.9291441</v>
      </c>
    </row>
    <row r="121" spans="1:11" x14ac:dyDescent="0.15">
      <c r="A121" s="1" t="s">
        <v>1018</v>
      </c>
      <c r="B121" s="1"/>
      <c r="C121" s="1"/>
      <c r="D121" s="1" t="s">
        <v>1296</v>
      </c>
      <c r="E121" s="1"/>
      <c r="F121" s="1" t="s">
        <v>414</v>
      </c>
      <c r="G121" s="1" t="s">
        <v>415</v>
      </c>
      <c r="H121" s="1" t="s">
        <v>416</v>
      </c>
      <c r="I121" s="1" t="s">
        <v>83</v>
      </c>
      <c r="J121" s="1">
        <v>35.269025399999997</v>
      </c>
      <c r="K121" s="1">
        <v>132.90717190000001</v>
      </c>
    </row>
    <row r="122" spans="1:11" x14ac:dyDescent="0.15">
      <c r="A122" s="1" t="s">
        <v>1018</v>
      </c>
      <c r="B122" s="1"/>
      <c r="C122" s="1"/>
      <c r="D122" s="1" t="s">
        <v>1297</v>
      </c>
      <c r="E122" s="1"/>
      <c r="F122" s="1" t="s">
        <v>417</v>
      </c>
      <c r="G122" s="1" t="s">
        <v>418</v>
      </c>
      <c r="H122" s="1" t="s">
        <v>419</v>
      </c>
      <c r="I122" s="1" t="s">
        <v>83</v>
      </c>
      <c r="J122" s="1">
        <v>35.213492000000002</v>
      </c>
      <c r="K122" s="1">
        <v>132.9364549</v>
      </c>
    </row>
    <row r="123" spans="1:11" x14ac:dyDescent="0.15">
      <c r="A123" s="1" t="s">
        <v>1018</v>
      </c>
      <c r="B123" s="1"/>
      <c r="C123" s="1"/>
      <c r="D123" s="1" t="s">
        <v>1298</v>
      </c>
      <c r="E123" s="1"/>
      <c r="F123" s="1" t="s">
        <v>420</v>
      </c>
      <c r="G123" s="1" t="s">
        <v>421</v>
      </c>
      <c r="H123" s="1" t="s">
        <v>422</v>
      </c>
      <c r="I123" s="1" t="s">
        <v>83</v>
      </c>
      <c r="J123" s="1">
        <v>35.289677599999997</v>
      </c>
      <c r="K123" s="1">
        <v>132.8711418</v>
      </c>
    </row>
    <row r="124" spans="1:11" x14ac:dyDescent="0.15">
      <c r="A124" s="1" t="s">
        <v>1018</v>
      </c>
      <c r="B124" s="1"/>
      <c r="C124" s="1"/>
      <c r="D124" s="1" t="s">
        <v>1299</v>
      </c>
      <c r="E124" s="1"/>
      <c r="F124" s="1" t="s">
        <v>423</v>
      </c>
      <c r="G124" s="1" t="s">
        <v>1095</v>
      </c>
      <c r="H124" s="1" t="s">
        <v>424</v>
      </c>
      <c r="I124" s="1" t="s">
        <v>83</v>
      </c>
      <c r="J124" s="1">
        <v>35.297415600000001</v>
      </c>
      <c r="K124" s="1">
        <v>132.87787979999999</v>
      </c>
    </row>
    <row r="125" spans="1:11" x14ac:dyDescent="0.15">
      <c r="A125" s="1" t="s">
        <v>1018</v>
      </c>
      <c r="B125" s="1"/>
      <c r="C125" s="1"/>
      <c r="D125" s="1" t="s">
        <v>1300</v>
      </c>
      <c r="E125" s="1"/>
      <c r="F125" s="1" t="s">
        <v>425</v>
      </c>
      <c r="G125" s="1" t="s">
        <v>1042</v>
      </c>
      <c r="H125" s="1" t="s">
        <v>426</v>
      </c>
      <c r="I125" s="1" t="s">
        <v>83</v>
      </c>
      <c r="J125" s="1">
        <v>35.264097</v>
      </c>
      <c r="K125" s="1">
        <v>132.82941919999999</v>
      </c>
    </row>
    <row r="126" spans="1:11" x14ac:dyDescent="0.15">
      <c r="A126" s="1" t="s">
        <v>1018</v>
      </c>
      <c r="B126" s="1"/>
      <c r="C126" s="1"/>
      <c r="D126" s="1" t="s">
        <v>1301</v>
      </c>
      <c r="E126" s="1"/>
      <c r="F126" s="1" t="s">
        <v>427</v>
      </c>
      <c r="G126" s="1" t="s">
        <v>428</v>
      </c>
      <c r="H126" s="1" t="s">
        <v>429</v>
      </c>
      <c r="I126" s="1" t="s">
        <v>83</v>
      </c>
      <c r="J126" s="1">
        <v>35.255826599999999</v>
      </c>
      <c r="K126" s="1">
        <v>132.87145090000001</v>
      </c>
    </row>
    <row r="127" spans="1:11" x14ac:dyDescent="0.15">
      <c r="A127" s="1" t="s">
        <v>1018</v>
      </c>
      <c r="B127" s="1"/>
      <c r="C127" s="1"/>
      <c r="D127" s="1" t="s">
        <v>1302</v>
      </c>
      <c r="E127" s="1"/>
      <c r="F127" s="1" t="s">
        <v>430</v>
      </c>
      <c r="G127" s="1" t="s">
        <v>1096</v>
      </c>
      <c r="H127" s="1" t="s">
        <v>431</v>
      </c>
      <c r="I127" s="1" t="s">
        <v>83</v>
      </c>
      <c r="J127" s="1">
        <v>35.230699100000002</v>
      </c>
      <c r="K127" s="1">
        <v>132.85710850000001</v>
      </c>
    </row>
    <row r="128" spans="1:11" x14ac:dyDescent="0.15">
      <c r="A128" s="1" t="s">
        <v>1018</v>
      </c>
      <c r="B128" s="1"/>
      <c r="C128" s="1"/>
      <c r="D128" s="1" t="s">
        <v>1259</v>
      </c>
      <c r="E128" s="1"/>
      <c r="F128" s="1" t="s">
        <v>432</v>
      </c>
      <c r="G128" s="1" t="s">
        <v>433</v>
      </c>
      <c r="H128" s="1" t="s">
        <v>434</v>
      </c>
      <c r="I128" s="1" t="s">
        <v>1097</v>
      </c>
      <c r="J128" s="1">
        <v>35.168224100000003</v>
      </c>
      <c r="K128" s="1">
        <v>132.85642350000001</v>
      </c>
    </row>
    <row r="129" spans="1:11" x14ac:dyDescent="0.15">
      <c r="A129" s="1" t="s">
        <v>1018</v>
      </c>
      <c r="B129" s="1"/>
      <c r="C129" s="1"/>
      <c r="D129" s="1" t="s">
        <v>1303</v>
      </c>
      <c r="E129" s="1"/>
      <c r="F129" s="1" t="s">
        <v>1098</v>
      </c>
      <c r="G129" s="1" t="s">
        <v>975</v>
      </c>
      <c r="H129" s="1" t="s">
        <v>1099</v>
      </c>
      <c r="I129" s="1" t="s">
        <v>1100</v>
      </c>
      <c r="J129" s="1">
        <v>35.138616399999997</v>
      </c>
      <c r="K129" s="1">
        <v>132.82212849999999</v>
      </c>
    </row>
    <row r="130" spans="1:11" x14ac:dyDescent="0.15">
      <c r="A130" s="1" t="s">
        <v>1018</v>
      </c>
      <c r="B130" s="1"/>
      <c r="C130" s="1"/>
      <c r="D130" s="1" t="s">
        <v>1304</v>
      </c>
      <c r="E130" s="1"/>
      <c r="F130" s="1" t="s">
        <v>435</v>
      </c>
      <c r="G130" s="1" t="s">
        <v>436</v>
      </c>
      <c r="H130" s="1" t="s">
        <v>437</v>
      </c>
      <c r="I130" s="1" t="s">
        <v>438</v>
      </c>
      <c r="J130" s="1">
        <v>35.202376299999997</v>
      </c>
      <c r="K130" s="1">
        <v>132.91620990000001</v>
      </c>
    </row>
    <row r="131" spans="1:11" x14ac:dyDescent="0.15">
      <c r="A131" s="1" t="s">
        <v>1018</v>
      </c>
      <c r="B131" s="1"/>
      <c r="C131" s="1"/>
      <c r="D131" s="1" t="s">
        <v>1305</v>
      </c>
      <c r="E131" s="1"/>
      <c r="F131" s="1" t="s">
        <v>439</v>
      </c>
      <c r="G131" s="1" t="s">
        <v>440</v>
      </c>
      <c r="H131" s="1" t="s">
        <v>441</v>
      </c>
      <c r="I131" s="1" t="s">
        <v>83</v>
      </c>
      <c r="J131" s="1">
        <v>35.196427900000003</v>
      </c>
      <c r="K131" s="1">
        <v>132.81680800000001</v>
      </c>
    </row>
    <row r="132" spans="1:11" x14ac:dyDescent="0.15">
      <c r="A132" s="1" t="s">
        <v>1018</v>
      </c>
      <c r="B132" s="1"/>
      <c r="C132" s="1"/>
      <c r="D132" s="1" t="s">
        <v>1306</v>
      </c>
      <c r="E132" s="1"/>
      <c r="F132" s="1" t="s">
        <v>442</v>
      </c>
      <c r="G132" s="1" t="s">
        <v>443</v>
      </c>
      <c r="H132" s="1" t="s">
        <v>444</v>
      </c>
      <c r="I132" s="1" t="s">
        <v>83</v>
      </c>
      <c r="J132" s="1">
        <v>35.237245199999997</v>
      </c>
      <c r="K132" s="1">
        <v>132.8186092</v>
      </c>
    </row>
    <row r="133" spans="1:11" x14ac:dyDescent="0.15">
      <c r="A133" s="1" t="s">
        <v>1018</v>
      </c>
      <c r="B133" s="1"/>
      <c r="C133" s="1"/>
      <c r="D133" s="1" t="s">
        <v>1307</v>
      </c>
      <c r="E133" s="1"/>
      <c r="F133" s="1" t="s">
        <v>445</v>
      </c>
      <c r="G133" s="1" t="s">
        <v>1005</v>
      </c>
      <c r="H133" s="1" t="s">
        <v>446</v>
      </c>
      <c r="I133" s="1" t="s">
        <v>83</v>
      </c>
      <c r="J133" s="1">
        <v>35.216980100000001</v>
      </c>
      <c r="K133" s="1">
        <v>132.78988519999999</v>
      </c>
    </row>
    <row r="134" spans="1:11" x14ac:dyDescent="0.15">
      <c r="A134" s="1" t="s">
        <v>1018</v>
      </c>
      <c r="B134" s="1"/>
      <c r="C134" s="1"/>
      <c r="D134" s="1" t="s">
        <v>1308</v>
      </c>
      <c r="E134" s="1"/>
      <c r="F134" s="1" t="s">
        <v>447</v>
      </c>
      <c r="G134" s="1" t="s">
        <v>448</v>
      </c>
      <c r="H134" s="1" t="s">
        <v>449</v>
      </c>
      <c r="I134" s="1" t="s">
        <v>83</v>
      </c>
      <c r="J134" s="1">
        <v>35.140247600000002</v>
      </c>
      <c r="K134" s="1">
        <v>132.73718579999999</v>
      </c>
    </row>
    <row r="135" spans="1:11" x14ac:dyDescent="0.15">
      <c r="A135" s="1" t="s">
        <v>1018</v>
      </c>
      <c r="B135" s="1"/>
      <c r="C135" s="1"/>
      <c r="D135" s="1" t="s">
        <v>1309</v>
      </c>
      <c r="E135" s="1"/>
      <c r="F135" s="1" t="s">
        <v>450</v>
      </c>
      <c r="G135" s="1" t="s">
        <v>1006</v>
      </c>
      <c r="H135" s="1" t="s">
        <v>451</v>
      </c>
      <c r="I135" s="1" t="s">
        <v>452</v>
      </c>
      <c r="J135" s="1">
        <v>35.149552900000003</v>
      </c>
      <c r="K135" s="1">
        <v>132.78309999999999</v>
      </c>
    </row>
    <row r="136" spans="1:11" x14ac:dyDescent="0.15">
      <c r="A136" s="1" t="s">
        <v>994</v>
      </c>
      <c r="B136" s="1" t="s">
        <v>1101</v>
      </c>
      <c r="C136" s="1"/>
      <c r="D136" s="1"/>
      <c r="E136" s="1"/>
      <c r="F136" s="1" t="s">
        <v>978</v>
      </c>
      <c r="G136" s="1" t="s">
        <v>979</v>
      </c>
      <c r="H136" s="1" t="s">
        <v>980</v>
      </c>
      <c r="I136" s="1" t="s">
        <v>83</v>
      </c>
      <c r="J136" s="1">
        <v>35.228997100000001</v>
      </c>
      <c r="K136" s="1">
        <v>133.00128090000001</v>
      </c>
    </row>
    <row r="137" spans="1:11" x14ac:dyDescent="0.15">
      <c r="A137" s="1" t="s">
        <v>994</v>
      </c>
      <c r="B137" s="1" t="s">
        <v>453</v>
      </c>
      <c r="C137" s="1"/>
      <c r="D137" s="1"/>
      <c r="E137" s="1"/>
      <c r="F137" s="1" t="s">
        <v>454</v>
      </c>
      <c r="G137" s="1" t="s">
        <v>455</v>
      </c>
      <c r="H137" s="1" t="s">
        <v>456</v>
      </c>
      <c r="I137" s="1" t="s">
        <v>457</v>
      </c>
      <c r="J137" s="1">
        <v>35.197193599999999</v>
      </c>
      <c r="K137" s="1">
        <v>133.006745</v>
      </c>
    </row>
    <row r="138" spans="1:11" x14ac:dyDescent="0.15">
      <c r="A138" s="1" t="s">
        <v>994</v>
      </c>
      <c r="B138" s="1" t="s">
        <v>1102</v>
      </c>
      <c r="C138" s="1"/>
      <c r="D138" s="1"/>
      <c r="E138" s="1"/>
      <c r="F138" s="1" t="s">
        <v>458</v>
      </c>
      <c r="G138" s="1" t="s">
        <v>459</v>
      </c>
      <c r="H138" s="1" t="s">
        <v>460</v>
      </c>
      <c r="I138" s="1" t="s">
        <v>83</v>
      </c>
      <c r="J138" s="1">
        <v>35.220513799999999</v>
      </c>
      <c r="K138" s="1">
        <v>133.0760818</v>
      </c>
    </row>
    <row r="139" spans="1:11" x14ac:dyDescent="0.15">
      <c r="A139" s="1" t="s">
        <v>994</v>
      </c>
      <c r="B139" s="1" t="s">
        <v>1103</v>
      </c>
      <c r="C139" s="1"/>
      <c r="D139" s="1"/>
      <c r="E139" s="1"/>
      <c r="F139" s="1" t="s">
        <v>461</v>
      </c>
      <c r="G139" s="1" t="s">
        <v>462</v>
      </c>
      <c r="H139" s="1" t="s">
        <v>463</v>
      </c>
      <c r="I139" s="1" t="s">
        <v>83</v>
      </c>
      <c r="J139" s="1">
        <v>35.146048800000003</v>
      </c>
      <c r="K139" s="1">
        <v>132.95168870000001</v>
      </c>
    </row>
    <row r="140" spans="1:11" x14ac:dyDescent="0.15">
      <c r="A140" s="1" t="s">
        <v>994</v>
      </c>
      <c r="B140" s="1" t="s">
        <v>1104</v>
      </c>
      <c r="C140" s="1"/>
      <c r="D140" s="1"/>
      <c r="E140" s="1"/>
      <c r="F140" s="1" t="s">
        <v>464</v>
      </c>
      <c r="G140" s="1" t="s">
        <v>1105</v>
      </c>
      <c r="H140" s="1" t="s">
        <v>465</v>
      </c>
      <c r="I140" s="1" t="s">
        <v>83</v>
      </c>
      <c r="J140" s="1">
        <v>35.204338900000003</v>
      </c>
      <c r="K140" s="1">
        <v>132.9732405</v>
      </c>
    </row>
    <row r="141" spans="1:11" x14ac:dyDescent="0.15">
      <c r="A141" s="1" t="s">
        <v>994</v>
      </c>
      <c r="B141" s="1" t="s">
        <v>1106</v>
      </c>
      <c r="C141" s="1"/>
      <c r="D141" s="1"/>
      <c r="E141" s="1"/>
      <c r="F141" s="1" t="s">
        <v>466</v>
      </c>
      <c r="G141" s="1" t="s">
        <v>467</v>
      </c>
      <c r="H141" s="1" t="s">
        <v>468</v>
      </c>
      <c r="I141" s="1" t="s">
        <v>83</v>
      </c>
      <c r="J141" s="1">
        <v>35.1831052</v>
      </c>
      <c r="K141" s="1">
        <v>133.1310794</v>
      </c>
    </row>
    <row r="142" spans="1:11" x14ac:dyDescent="0.15">
      <c r="A142" s="1" t="s">
        <v>994</v>
      </c>
      <c r="B142" s="1" t="s">
        <v>1107</v>
      </c>
      <c r="C142" s="1"/>
      <c r="D142" s="1"/>
      <c r="E142" s="1"/>
      <c r="F142" s="1" t="s">
        <v>469</v>
      </c>
      <c r="G142" s="1" t="s">
        <v>1108</v>
      </c>
      <c r="H142" s="1" t="s">
        <v>470</v>
      </c>
      <c r="I142" s="1" t="s">
        <v>83</v>
      </c>
      <c r="J142" s="1">
        <v>35.179480499999997</v>
      </c>
      <c r="K142" s="1">
        <v>133.09302740000001</v>
      </c>
    </row>
    <row r="143" spans="1:11" x14ac:dyDescent="0.15">
      <c r="A143" s="1" t="s">
        <v>994</v>
      </c>
      <c r="B143" s="1" t="s">
        <v>1109</v>
      </c>
      <c r="C143" s="1"/>
      <c r="D143" s="1"/>
      <c r="E143" s="1"/>
      <c r="F143" s="1" t="s">
        <v>471</v>
      </c>
      <c r="G143" s="1" t="s">
        <v>472</v>
      </c>
      <c r="H143" s="1" t="s">
        <v>473</v>
      </c>
      <c r="I143" s="1" t="s">
        <v>83</v>
      </c>
      <c r="J143" s="1">
        <v>35.157882999999998</v>
      </c>
      <c r="K143" s="1">
        <v>133.0855956</v>
      </c>
    </row>
    <row r="144" spans="1:11" x14ac:dyDescent="0.15">
      <c r="A144" s="1" t="s">
        <v>994</v>
      </c>
      <c r="B144" s="1" t="s">
        <v>1110</v>
      </c>
      <c r="C144" s="1"/>
      <c r="D144" s="1"/>
      <c r="E144" s="1"/>
      <c r="F144" s="1" t="s">
        <v>474</v>
      </c>
      <c r="G144" s="1" t="s">
        <v>475</v>
      </c>
      <c r="H144" s="1" t="s">
        <v>476</v>
      </c>
      <c r="I144" s="1" t="s">
        <v>83</v>
      </c>
      <c r="J144" s="1">
        <v>35.126293799999999</v>
      </c>
      <c r="K144" s="1">
        <v>133.04341460000001</v>
      </c>
    </row>
    <row r="145" spans="1:11" x14ac:dyDescent="0.15">
      <c r="A145" s="1" t="s">
        <v>1019</v>
      </c>
      <c r="B145" s="1" t="s">
        <v>1111</v>
      </c>
      <c r="C145" s="1"/>
      <c r="D145" s="1"/>
      <c r="E145" s="1"/>
      <c r="F145" s="1" t="s">
        <v>477</v>
      </c>
      <c r="G145" s="1" t="s">
        <v>478</v>
      </c>
      <c r="H145" s="1" t="s">
        <v>479</v>
      </c>
      <c r="I145" s="1" t="s">
        <v>480</v>
      </c>
      <c r="J145" s="1">
        <v>35.079792699999999</v>
      </c>
      <c r="K145" s="1">
        <v>132.78221830000001</v>
      </c>
    </row>
    <row r="146" spans="1:11" x14ac:dyDescent="0.15">
      <c r="A146" s="1" t="s">
        <v>1019</v>
      </c>
      <c r="B146" s="1" t="s">
        <v>1112</v>
      </c>
      <c r="C146" s="1"/>
      <c r="D146" s="1"/>
      <c r="E146" s="1"/>
      <c r="F146" s="1" t="s">
        <v>481</v>
      </c>
      <c r="G146" s="1" t="s">
        <v>482</v>
      </c>
      <c r="H146" s="1" t="s">
        <v>483</v>
      </c>
      <c r="I146" s="1" t="s">
        <v>484</v>
      </c>
      <c r="J146" s="1">
        <v>35.108695699999998</v>
      </c>
      <c r="K146" s="1">
        <v>132.69685000000001</v>
      </c>
    </row>
    <row r="147" spans="1:11" x14ac:dyDescent="0.15">
      <c r="A147" s="1" t="s">
        <v>1019</v>
      </c>
      <c r="B147" s="1" t="s">
        <v>1113</v>
      </c>
      <c r="C147" s="1"/>
      <c r="D147" s="1"/>
      <c r="E147" s="1"/>
      <c r="F147" s="1" t="s">
        <v>485</v>
      </c>
      <c r="G147" s="1" t="s">
        <v>1114</v>
      </c>
      <c r="H147" s="1" t="s">
        <v>486</v>
      </c>
      <c r="I147" s="1" t="s">
        <v>487</v>
      </c>
      <c r="J147" s="1">
        <v>34.998062699999998</v>
      </c>
      <c r="K147" s="1">
        <v>132.71294090000001</v>
      </c>
    </row>
    <row r="148" spans="1:11" x14ac:dyDescent="0.15">
      <c r="A148" s="1" t="s">
        <v>1019</v>
      </c>
      <c r="B148" s="1" t="s">
        <v>1115</v>
      </c>
      <c r="C148" s="1"/>
      <c r="D148" s="1"/>
      <c r="E148" s="1"/>
      <c r="F148" s="1" t="s">
        <v>488</v>
      </c>
      <c r="G148" s="1" t="s">
        <v>489</v>
      </c>
      <c r="H148" s="1" t="s">
        <v>490</v>
      </c>
      <c r="I148" s="1" t="s">
        <v>491</v>
      </c>
      <c r="J148" s="1">
        <v>35.034928600000001</v>
      </c>
      <c r="K148" s="1">
        <v>132.74288780000001</v>
      </c>
    </row>
    <row r="149" spans="1:11" x14ac:dyDescent="0.15">
      <c r="A149" s="1" t="s">
        <v>1019</v>
      </c>
      <c r="B149" s="1" t="s">
        <v>1116</v>
      </c>
      <c r="C149" s="1"/>
      <c r="D149" s="1"/>
      <c r="E149" s="1"/>
      <c r="F149" s="1" t="s">
        <v>492</v>
      </c>
      <c r="G149" s="1" t="s">
        <v>493</v>
      </c>
      <c r="H149" s="1" t="s">
        <v>494</v>
      </c>
      <c r="I149" s="1" t="s">
        <v>83</v>
      </c>
      <c r="J149" s="1">
        <v>34.986277600000001</v>
      </c>
      <c r="K149" s="1">
        <v>132.67752279999999</v>
      </c>
    </row>
    <row r="150" spans="1:11" x14ac:dyDescent="0.15">
      <c r="A150" s="1" t="s">
        <v>1004</v>
      </c>
      <c r="B150" s="1" t="s">
        <v>1117</v>
      </c>
      <c r="C150" s="1"/>
      <c r="D150" s="1"/>
      <c r="E150" s="1"/>
      <c r="F150" s="1" t="s">
        <v>497</v>
      </c>
      <c r="G150" s="1" t="s">
        <v>496</v>
      </c>
      <c r="H150" s="1" t="s">
        <v>498</v>
      </c>
      <c r="I150" s="1" t="s">
        <v>83</v>
      </c>
      <c r="J150" s="1">
        <v>34.899305300000002</v>
      </c>
      <c r="K150" s="1">
        <v>132.0789111</v>
      </c>
    </row>
    <row r="151" spans="1:11" x14ac:dyDescent="0.15">
      <c r="A151" s="1" t="s">
        <v>1004</v>
      </c>
      <c r="B151" s="1" t="s">
        <v>1029</v>
      </c>
      <c r="C151" s="1"/>
      <c r="D151" s="1"/>
      <c r="E151" s="1"/>
      <c r="F151" s="1" t="s">
        <v>499</v>
      </c>
      <c r="G151" s="1" t="s">
        <v>500</v>
      </c>
      <c r="H151" s="1" t="s">
        <v>501</v>
      </c>
      <c r="I151" s="1" t="s">
        <v>83</v>
      </c>
      <c r="J151" s="1">
        <v>34.900649899999998</v>
      </c>
      <c r="K151" s="1">
        <v>132.0934153</v>
      </c>
    </row>
    <row r="152" spans="1:11" x14ac:dyDescent="0.15">
      <c r="A152" s="1" t="s">
        <v>1004</v>
      </c>
      <c r="B152" s="1" t="s">
        <v>1029</v>
      </c>
      <c r="C152" s="1" t="s">
        <v>1030</v>
      </c>
      <c r="D152" s="1"/>
      <c r="E152" s="1"/>
      <c r="F152" s="1" t="s">
        <v>574</v>
      </c>
      <c r="G152" s="1" t="s">
        <v>575</v>
      </c>
      <c r="H152" s="1" t="s">
        <v>576</v>
      </c>
      <c r="I152" s="1"/>
      <c r="J152" s="1">
        <v>34.908963900000003</v>
      </c>
      <c r="K152" s="1">
        <v>132.1699476</v>
      </c>
    </row>
    <row r="153" spans="1:11" x14ac:dyDescent="0.15">
      <c r="A153" s="1" t="s">
        <v>1004</v>
      </c>
      <c r="B153" s="1" t="s">
        <v>1029</v>
      </c>
      <c r="C153" s="1" t="s">
        <v>1118</v>
      </c>
      <c r="D153" s="1"/>
      <c r="E153" s="1"/>
      <c r="F153" s="1" t="s">
        <v>577</v>
      </c>
      <c r="G153" s="1" t="s">
        <v>1119</v>
      </c>
      <c r="H153" s="1" t="s">
        <v>578</v>
      </c>
      <c r="I153" s="1" t="s">
        <v>83</v>
      </c>
      <c r="J153" s="1">
        <v>34.873618999999998</v>
      </c>
      <c r="K153" s="1">
        <v>132.09424659999999</v>
      </c>
    </row>
    <row r="154" spans="1:11" x14ac:dyDescent="0.15">
      <c r="A154" s="1" t="s">
        <v>1004</v>
      </c>
      <c r="B154" s="1" t="s">
        <v>1029</v>
      </c>
      <c r="C154" s="1" t="s">
        <v>1120</v>
      </c>
      <c r="D154" s="1"/>
      <c r="E154" s="1"/>
      <c r="F154" s="1" t="s">
        <v>579</v>
      </c>
      <c r="G154" s="1" t="s">
        <v>580</v>
      </c>
      <c r="H154" s="1" t="s">
        <v>581</v>
      </c>
      <c r="I154" s="1"/>
      <c r="J154" s="1">
        <v>34.840558999999999</v>
      </c>
      <c r="K154" s="1">
        <v>132.10864900000001</v>
      </c>
    </row>
    <row r="155" spans="1:11" x14ac:dyDescent="0.15">
      <c r="A155" s="1" t="s">
        <v>1004</v>
      </c>
      <c r="B155" s="1" t="s">
        <v>1029</v>
      </c>
      <c r="C155" s="1" t="s">
        <v>1031</v>
      </c>
      <c r="D155" s="1"/>
      <c r="E155" s="1"/>
      <c r="F155" s="1" t="s">
        <v>1121</v>
      </c>
      <c r="G155" s="1" t="s">
        <v>1001</v>
      </c>
      <c r="H155" s="1" t="s">
        <v>1122</v>
      </c>
      <c r="I155" s="1" t="s">
        <v>1123</v>
      </c>
      <c r="J155" s="1">
        <v>34.886243800000003</v>
      </c>
      <c r="K155" s="1">
        <v>132.16144360000001</v>
      </c>
    </row>
    <row r="156" spans="1:11" x14ac:dyDescent="0.15">
      <c r="A156" s="1" t="s">
        <v>1004</v>
      </c>
      <c r="B156" s="1" t="s">
        <v>1029</v>
      </c>
      <c r="C156" s="1" t="s">
        <v>1032</v>
      </c>
      <c r="D156" s="1"/>
      <c r="E156" s="1"/>
      <c r="F156" s="1" t="s">
        <v>1124</v>
      </c>
      <c r="G156" s="1" t="s">
        <v>976</v>
      </c>
      <c r="H156" s="1" t="s">
        <v>1125</v>
      </c>
      <c r="I156" s="1" t="s">
        <v>1126</v>
      </c>
      <c r="J156" s="1">
        <v>34.893797999999997</v>
      </c>
      <c r="K156" s="1">
        <v>132.13256490000001</v>
      </c>
    </row>
    <row r="157" spans="1:11" x14ac:dyDescent="0.15">
      <c r="A157" s="1" t="s">
        <v>1004</v>
      </c>
      <c r="B157" s="1" t="s">
        <v>1127</v>
      </c>
      <c r="C157" s="1"/>
      <c r="D157" s="1"/>
      <c r="E157" s="1"/>
      <c r="F157" s="1" t="s">
        <v>502</v>
      </c>
      <c r="G157" s="1" t="s">
        <v>503</v>
      </c>
      <c r="H157" s="1" t="s">
        <v>504</v>
      </c>
      <c r="I157" s="1" t="s">
        <v>83</v>
      </c>
      <c r="J157" s="1">
        <v>34.86956</v>
      </c>
      <c r="K157" s="1">
        <v>132.05110329999999</v>
      </c>
    </row>
    <row r="158" spans="1:11" x14ac:dyDescent="0.15">
      <c r="A158" s="1" t="s">
        <v>1004</v>
      </c>
      <c r="B158" s="1" t="s">
        <v>1128</v>
      </c>
      <c r="C158" s="1"/>
      <c r="D158" s="1"/>
      <c r="E158" s="1"/>
      <c r="F158" s="1" t="s">
        <v>505</v>
      </c>
      <c r="G158" s="1" t="s">
        <v>1129</v>
      </c>
      <c r="H158" s="1" t="s">
        <v>506</v>
      </c>
      <c r="I158" s="1" t="s">
        <v>83</v>
      </c>
      <c r="J158" s="1">
        <v>34.861030499999998</v>
      </c>
      <c r="K158" s="1">
        <v>132.02058869999999</v>
      </c>
    </row>
    <row r="159" spans="1:11" x14ac:dyDescent="0.15">
      <c r="A159" s="1" t="s">
        <v>1004</v>
      </c>
      <c r="B159" s="1" t="s">
        <v>1130</v>
      </c>
      <c r="C159" s="1"/>
      <c r="D159" s="1"/>
      <c r="E159" s="1"/>
      <c r="F159" s="1" t="s">
        <v>507</v>
      </c>
      <c r="G159" s="1" t="s">
        <v>508</v>
      </c>
      <c r="H159" s="1" t="s">
        <v>509</v>
      </c>
      <c r="I159" s="1" t="s">
        <v>83</v>
      </c>
      <c r="J159" s="1">
        <v>34.853542500000003</v>
      </c>
      <c r="K159" s="1">
        <v>132.05552019999999</v>
      </c>
    </row>
    <row r="160" spans="1:11" x14ac:dyDescent="0.15">
      <c r="A160" s="1" t="s">
        <v>1004</v>
      </c>
      <c r="B160" s="1" t="s">
        <v>1130</v>
      </c>
      <c r="C160" s="1" t="s">
        <v>1033</v>
      </c>
      <c r="D160" s="1"/>
      <c r="E160" s="1"/>
      <c r="F160" s="1" t="s">
        <v>582</v>
      </c>
      <c r="G160" s="1" t="s">
        <v>583</v>
      </c>
      <c r="H160" s="1" t="s">
        <v>584</v>
      </c>
      <c r="I160" s="1"/>
      <c r="J160" s="1">
        <v>34.815468899999999</v>
      </c>
      <c r="K160" s="1">
        <v>132.0664921</v>
      </c>
    </row>
    <row r="161" spans="1:11" x14ac:dyDescent="0.15">
      <c r="A161" s="1" t="s">
        <v>1004</v>
      </c>
      <c r="B161" s="1" t="s">
        <v>1130</v>
      </c>
      <c r="C161" s="1" t="s">
        <v>1131</v>
      </c>
      <c r="D161" s="1"/>
      <c r="E161" s="1"/>
      <c r="F161" s="1" t="s">
        <v>585</v>
      </c>
      <c r="G161" s="1" t="s">
        <v>586</v>
      </c>
      <c r="H161" s="1" t="s">
        <v>587</v>
      </c>
      <c r="I161" s="1"/>
      <c r="J161" s="1">
        <v>34.8336726</v>
      </c>
      <c r="K161" s="1">
        <v>132.04422969999999</v>
      </c>
    </row>
    <row r="162" spans="1:11" x14ac:dyDescent="0.15">
      <c r="A162" s="1" t="s">
        <v>1004</v>
      </c>
      <c r="B162" s="1" t="s">
        <v>1132</v>
      </c>
      <c r="C162" s="1"/>
      <c r="D162" s="1"/>
      <c r="E162" s="1"/>
      <c r="F162" s="1" t="s">
        <v>510</v>
      </c>
      <c r="G162" s="1" t="s">
        <v>511</v>
      </c>
      <c r="H162" s="1" t="s">
        <v>512</v>
      </c>
      <c r="I162" s="1" t="s">
        <v>83</v>
      </c>
      <c r="J162" s="1">
        <v>34.826275000000003</v>
      </c>
      <c r="K162" s="1">
        <v>131.98591099999999</v>
      </c>
    </row>
    <row r="163" spans="1:11" x14ac:dyDescent="0.15">
      <c r="A163" s="1" t="s">
        <v>1004</v>
      </c>
      <c r="B163" s="1" t="s">
        <v>1133</v>
      </c>
      <c r="C163" s="1"/>
      <c r="D163" s="1"/>
      <c r="E163" s="1"/>
      <c r="F163" s="1" t="s">
        <v>513</v>
      </c>
      <c r="G163" s="1" t="s">
        <v>514</v>
      </c>
      <c r="H163" s="1" t="s">
        <v>515</v>
      </c>
      <c r="I163" s="1" t="s">
        <v>83</v>
      </c>
      <c r="J163" s="1">
        <v>34.9363046</v>
      </c>
      <c r="K163" s="1">
        <v>132.10990720000001</v>
      </c>
    </row>
    <row r="164" spans="1:11" x14ac:dyDescent="0.15">
      <c r="A164" s="1" t="s">
        <v>1004</v>
      </c>
      <c r="B164" s="1" t="s">
        <v>1133</v>
      </c>
      <c r="C164" s="1" t="s">
        <v>1034</v>
      </c>
      <c r="D164" s="1"/>
      <c r="E164" s="1"/>
      <c r="F164" s="1" t="s">
        <v>588</v>
      </c>
      <c r="G164" s="1" t="s">
        <v>589</v>
      </c>
      <c r="H164" s="1" t="s">
        <v>590</v>
      </c>
      <c r="I164" s="1"/>
      <c r="J164" s="1">
        <v>34.923273199999997</v>
      </c>
      <c r="K164" s="1">
        <v>132.15365700000001</v>
      </c>
    </row>
    <row r="165" spans="1:11" x14ac:dyDescent="0.15">
      <c r="A165" s="1" t="s">
        <v>1004</v>
      </c>
      <c r="B165" s="1" t="s">
        <v>1133</v>
      </c>
      <c r="C165" s="1" t="s">
        <v>1035</v>
      </c>
      <c r="D165" s="1"/>
      <c r="E165" s="1"/>
      <c r="F165" s="1" t="s">
        <v>591</v>
      </c>
      <c r="G165" s="1" t="s">
        <v>592</v>
      </c>
      <c r="H165" s="1" t="s">
        <v>593</v>
      </c>
      <c r="I165" s="1" t="s">
        <v>83</v>
      </c>
      <c r="J165" s="1">
        <v>34.945676400000004</v>
      </c>
      <c r="K165" s="1">
        <v>132.18440659999999</v>
      </c>
    </row>
    <row r="166" spans="1:11" x14ac:dyDescent="0.15">
      <c r="A166" s="1" t="s">
        <v>1004</v>
      </c>
      <c r="B166" s="1" t="s">
        <v>1134</v>
      </c>
      <c r="C166" s="1"/>
      <c r="D166" s="1"/>
      <c r="E166" s="1"/>
      <c r="F166" s="1" t="s">
        <v>516</v>
      </c>
      <c r="G166" s="1" t="s">
        <v>1135</v>
      </c>
      <c r="H166" s="1" t="s">
        <v>517</v>
      </c>
      <c r="I166" s="1" t="s">
        <v>83</v>
      </c>
      <c r="J166" s="1">
        <v>34.8597435</v>
      </c>
      <c r="K166" s="1">
        <v>132.15972830000001</v>
      </c>
    </row>
    <row r="167" spans="1:11" x14ac:dyDescent="0.15">
      <c r="A167" s="1" t="s">
        <v>1004</v>
      </c>
      <c r="B167" s="1" t="s">
        <v>1136</v>
      </c>
      <c r="C167" s="1"/>
      <c r="D167" s="1"/>
      <c r="E167" s="1"/>
      <c r="F167" s="1" t="s">
        <v>518</v>
      </c>
      <c r="G167" s="1" t="s">
        <v>519</v>
      </c>
      <c r="H167" s="1" t="s">
        <v>520</v>
      </c>
      <c r="I167" s="1" t="s">
        <v>83</v>
      </c>
      <c r="J167" s="1">
        <v>34.879005599999999</v>
      </c>
      <c r="K167" s="1">
        <v>132.19411059999999</v>
      </c>
    </row>
    <row r="168" spans="1:11" x14ac:dyDescent="0.15">
      <c r="A168" s="1" t="s">
        <v>1004</v>
      </c>
      <c r="B168" s="1" t="s">
        <v>1137</v>
      </c>
      <c r="C168" s="1"/>
      <c r="D168" s="1"/>
      <c r="E168" s="1"/>
      <c r="F168" s="1" t="s">
        <v>521</v>
      </c>
      <c r="G168" s="1" t="s">
        <v>522</v>
      </c>
      <c r="H168" s="1" t="s">
        <v>523</v>
      </c>
      <c r="I168" s="1" t="s">
        <v>83</v>
      </c>
      <c r="J168" s="1">
        <v>34.777860199999999</v>
      </c>
      <c r="K168" s="1">
        <v>132.19775480000001</v>
      </c>
    </row>
    <row r="169" spans="1:11" x14ac:dyDescent="0.15">
      <c r="A169" s="1" t="s">
        <v>1004</v>
      </c>
      <c r="B169" s="1" t="s">
        <v>1138</v>
      </c>
      <c r="C169" s="1"/>
      <c r="D169" s="1"/>
      <c r="E169" s="1"/>
      <c r="F169" s="1" t="s">
        <v>524</v>
      </c>
      <c r="G169" s="1" t="s">
        <v>525</v>
      </c>
      <c r="H169" s="1" t="s">
        <v>526</v>
      </c>
      <c r="I169" s="1" t="s">
        <v>83</v>
      </c>
      <c r="J169" s="1">
        <v>34.816498099999997</v>
      </c>
      <c r="K169" s="1">
        <v>132.19871739999999</v>
      </c>
    </row>
    <row r="170" spans="1:11" x14ac:dyDescent="0.15">
      <c r="A170" s="1" t="s">
        <v>1004</v>
      </c>
      <c r="B170" s="1" t="s">
        <v>1139</v>
      </c>
      <c r="C170" s="1"/>
      <c r="D170" s="1"/>
      <c r="E170" s="1"/>
      <c r="F170" s="1" t="s">
        <v>527</v>
      </c>
      <c r="G170" s="1" t="s">
        <v>528</v>
      </c>
      <c r="H170" s="1" t="s">
        <v>529</v>
      </c>
      <c r="I170" s="1" t="s">
        <v>83</v>
      </c>
      <c r="J170" s="1">
        <v>34.8602019</v>
      </c>
      <c r="K170" s="1">
        <v>132.20800109999999</v>
      </c>
    </row>
    <row r="171" spans="1:11" x14ac:dyDescent="0.15">
      <c r="A171" s="1" t="s">
        <v>1004</v>
      </c>
      <c r="B171" s="1" t="s">
        <v>1140</v>
      </c>
      <c r="C171" s="1"/>
      <c r="D171" s="1"/>
      <c r="E171" s="1"/>
      <c r="F171" s="1" t="s">
        <v>530</v>
      </c>
      <c r="G171" s="1" t="s">
        <v>1141</v>
      </c>
      <c r="H171" s="1" t="s">
        <v>531</v>
      </c>
      <c r="I171" s="1" t="s">
        <v>83</v>
      </c>
      <c r="J171" s="1">
        <v>34.903811699999999</v>
      </c>
      <c r="K171" s="1">
        <v>132.22968729999999</v>
      </c>
    </row>
    <row r="172" spans="1:11" x14ac:dyDescent="0.15">
      <c r="A172" s="1" t="s">
        <v>1004</v>
      </c>
      <c r="B172" s="1" t="s">
        <v>1142</v>
      </c>
      <c r="C172" s="1"/>
      <c r="D172" s="1"/>
      <c r="E172" s="1"/>
      <c r="F172" s="1" t="s">
        <v>532</v>
      </c>
      <c r="G172" s="1" t="s">
        <v>533</v>
      </c>
      <c r="H172" s="1" t="s">
        <v>534</v>
      </c>
      <c r="I172" s="1" t="s">
        <v>535</v>
      </c>
      <c r="J172" s="1">
        <v>34.859066800000001</v>
      </c>
      <c r="K172" s="1">
        <v>132.2591046</v>
      </c>
    </row>
    <row r="173" spans="1:11" x14ac:dyDescent="0.15">
      <c r="A173" s="1" t="s">
        <v>1004</v>
      </c>
      <c r="B173" s="1" t="s">
        <v>1143</v>
      </c>
      <c r="C173" s="1"/>
      <c r="D173" s="1"/>
      <c r="E173" s="1"/>
      <c r="F173" s="1" t="s">
        <v>536</v>
      </c>
      <c r="G173" s="1" t="s">
        <v>537</v>
      </c>
      <c r="H173" s="1" t="s">
        <v>538</v>
      </c>
      <c r="I173" s="1"/>
      <c r="J173" s="1">
        <v>34.887566900000003</v>
      </c>
      <c r="K173" s="1">
        <v>132.28408010000001</v>
      </c>
    </row>
    <row r="174" spans="1:11" x14ac:dyDescent="0.15">
      <c r="A174" s="1" t="s">
        <v>1004</v>
      </c>
      <c r="B174" s="1" t="s">
        <v>1144</v>
      </c>
      <c r="C174" s="1"/>
      <c r="D174" s="1"/>
      <c r="E174" s="1"/>
      <c r="F174" s="1" t="s">
        <v>539</v>
      </c>
      <c r="G174" s="1" t="s">
        <v>1012</v>
      </c>
      <c r="H174" s="1" t="s">
        <v>540</v>
      </c>
      <c r="I174" s="1"/>
      <c r="J174" s="1">
        <v>34.862364100000001</v>
      </c>
      <c r="K174" s="1">
        <v>132.29627149999999</v>
      </c>
    </row>
    <row r="175" spans="1:11" x14ac:dyDescent="0.15">
      <c r="A175" s="1" t="s">
        <v>1004</v>
      </c>
      <c r="B175" s="1" t="s">
        <v>1145</v>
      </c>
      <c r="C175" s="1"/>
      <c r="D175" s="1"/>
      <c r="E175" s="1"/>
      <c r="F175" s="1" t="s">
        <v>541</v>
      </c>
      <c r="G175" s="1" t="s">
        <v>1146</v>
      </c>
      <c r="H175" s="1" t="s">
        <v>542</v>
      </c>
      <c r="I175" s="1" t="s">
        <v>543</v>
      </c>
      <c r="J175" s="1">
        <v>34.835856</v>
      </c>
      <c r="K175" s="1">
        <v>132.3109709</v>
      </c>
    </row>
    <row r="176" spans="1:11" x14ac:dyDescent="0.15">
      <c r="A176" s="1" t="s">
        <v>1004</v>
      </c>
      <c r="B176" s="1" t="s">
        <v>1046</v>
      </c>
      <c r="C176" s="1"/>
      <c r="D176" s="1"/>
      <c r="E176" s="1"/>
      <c r="F176" s="1" t="s">
        <v>544</v>
      </c>
      <c r="G176" s="1" t="s">
        <v>545</v>
      </c>
      <c r="H176" s="1" t="s">
        <v>546</v>
      </c>
      <c r="I176" s="1" t="s">
        <v>543</v>
      </c>
      <c r="J176" s="1">
        <v>34.839337399999998</v>
      </c>
      <c r="K176" s="1">
        <v>132.3643367</v>
      </c>
    </row>
    <row r="177" spans="1:11" x14ac:dyDescent="0.15">
      <c r="A177" s="1" t="s">
        <v>1004</v>
      </c>
      <c r="B177" s="1" t="s">
        <v>547</v>
      </c>
      <c r="C177" s="1"/>
      <c r="D177" s="1"/>
      <c r="E177" s="1"/>
      <c r="F177" s="1" t="s">
        <v>548</v>
      </c>
      <c r="G177" s="1" t="s">
        <v>549</v>
      </c>
      <c r="H177" s="1" t="s">
        <v>550</v>
      </c>
      <c r="I177" s="1" t="s">
        <v>543</v>
      </c>
      <c r="J177" s="1">
        <v>34.7650626</v>
      </c>
      <c r="K177" s="1">
        <v>132.07242579999999</v>
      </c>
    </row>
    <row r="178" spans="1:11" x14ac:dyDescent="0.15">
      <c r="A178" s="1" t="s">
        <v>1004</v>
      </c>
      <c r="B178" s="1" t="s">
        <v>551</v>
      </c>
      <c r="C178" s="1"/>
      <c r="D178" s="1"/>
      <c r="E178" s="1"/>
      <c r="F178" s="1" t="s">
        <v>552</v>
      </c>
      <c r="G178" s="1" t="s">
        <v>553</v>
      </c>
      <c r="H178" s="1" t="s">
        <v>554</v>
      </c>
      <c r="I178" s="1" t="s">
        <v>555</v>
      </c>
      <c r="J178" s="1">
        <v>34.7772814</v>
      </c>
      <c r="K178" s="1">
        <v>132.10791459999999</v>
      </c>
    </row>
    <row r="179" spans="1:11" x14ac:dyDescent="0.15">
      <c r="A179" s="1" t="s">
        <v>1004</v>
      </c>
      <c r="B179" s="1" t="s">
        <v>1147</v>
      </c>
      <c r="C179" s="1"/>
      <c r="D179" s="1"/>
      <c r="E179" s="1"/>
      <c r="F179" s="1" t="s">
        <v>556</v>
      </c>
      <c r="G179" s="1" t="s">
        <v>1148</v>
      </c>
      <c r="H179" s="1" t="s">
        <v>557</v>
      </c>
      <c r="I179" s="1" t="s">
        <v>558</v>
      </c>
      <c r="J179" s="1">
        <v>34.772949199999999</v>
      </c>
      <c r="K179" s="1">
        <v>131.9606746</v>
      </c>
    </row>
    <row r="180" spans="1:11" x14ac:dyDescent="0.15">
      <c r="A180" s="1" t="s">
        <v>1004</v>
      </c>
      <c r="B180" s="1" t="s">
        <v>1149</v>
      </c>
      <c r="C180" s="1"/>
      <c r="D180" s="1"/>
      <c r="E180" s="1"/>
      <c r="F180" s="1" t="s">
        <v>559</v>
      </c>
      <c r="G180" s="1" t="s">
        <v>1150</v>
      </c>
      <c r="H180" s="1" t="s">
        <v>560</v>
      </c>
      <c r="I180" s="1" t="s">
        <v>561</v>
      </c>
      <c r="J180" s="1">
        <v>34.789344300000003</v>
      </c>
      <c r="K180" s="1">
        <v>131.94273419999999</v>
      </c>
    </row>
    <row r="181" spans="1:11" x14ac:dyDescent="0.15">
      <c r="A181" s="1" t="s">
        <v>1004</v>
      </c>
      <c r="B181" s="1" t="s">
        <v>1151</v>
      </c>
      <c r="C181" s="1"/>
      <c r="D181" s="1"/>
      <c r="E181" s="1"/>
      <c r="F181" s="1" t="s">
        <v>562</v>
      </c>
      <c r="G181" s="1" t="s">
        <v>1152</v>
      </c>
      <c r="H181" s="1" t="s">
        <v>563</v>
      </c>
      <c r="I181" s="1" t="s">
        <v>564</v>
      </c>
      <c r="J181" s="1">
        <v>34.770126300000001</v>
      </c>
      <c r="K181" s="1">
        <v>131.92166130000001</v>
      </c>
    </row>
    <row r="182" spans="1:11" x14ac:dyDescent="0.15">
      <c r="A182" s="1" t="s">
        <v>1004</v>
      </c>
      <c r="B182" s="1" t="s">
        <v>1153</v>
      </c>
      <c r="C182" s="1"/>
      <c r="D182" s="1"/>
      <c r="E182" s="1"/>
      <c r="F182" s="1" t="s">
        <v>565</v>
      </c>
      <c r="G182" s="1" t="s">
        <v>1154</v>
      </c>
      <c r="H182" s="1" t="s">
        <v>566</v>
      </c>
      <c r="I182" s="1" t="s">
        <v>567</v>
      </c>
      <c r="J182" s="1">
        <v>34.793086600000002</v>
      </c>
      <c r="K182" s="1">
        <v>132.0156456</v>
      </c>
    </row>
    <row r="183" spans="1:11" x14ac:dyDescent="0.15">
      <c r="A183" s="1" t="s">
        <v>1004</v>
      </c>
      <c r="B183" s="1" t="s">
        <v>1155</v>
      </c>
      <c r="C183" s="1"/>
      <c r="D183" s="1"/>
      <c r="E183" s="1"/>
      <c r="F183" s="1" t="s">
        <v>568</v>
      </c>
      <c r="G183" s="1" t="s">
        <v>1156</v>
      </c>
      <c r="H183" s="1" t="s">
        <v>569</v>
      </c>
      <c r="I183" s="1" t="s">
        <v>570</v>
      </c>
      <c r="J183" s="1">
        <v>34.739317100000001</v>
      </c>
      <c r="K183" s="1">
        <v>131.9934485</v>
      </c>
    </row>
    <row r="184" spans="1:11" x14ac:dyDescent="0.15">
      <c r="A184" s="1" t="s">
        <v>1004</v>
      </c>
      <c r="B184" s="1" t="s">
        <v>1157</v>
      </c>
      <c r="C184" s="1"/>
      <c r="D184" s="1"/>
      <c r="E184" s="1"/>
      <c r="F184" s="1" t="s">
        <v>571</v>
      </c>
      <c r="G184" s="1" t="s">
        <v>1158</v>
      </c>
      <c r="H184" s="1" t="s">
        <v>572</v>
      </c>
      <c r="I184" s="1" t="s">
        <v>573</v>
      </c>
      <c r="J184" s="1">
        <v>34.804801599999998</v>
      </c>
      <c r="K184" s="1">
        <v>131.9751287</v>
      </c>
    </row>
    <row r="185" spans="1:11" x14ac:dyDescent="0.15">
      <c r="A185" s="1" t="s">
        <v>1020</v>
      </c>
      <c r="B185" s="1" t="s">
        <v>495</v>
      </c>
      <c r="C185" s="1"/>
      <c r="D185" s="1"/>
      <c r="E185" s="1"/>
      <c r="F185" s="1" t="s">
        <v>594</v>
      </c>
      <c r="G185" s="1" t="s">
        <v>595</v>
      </c>
      <c r="H185" s="1" t="s">
        <v>596</v>
      </c>
      <c r="I185" s="1" t="s">
        <v>1159</v>
      </c>
      <c r="J185" s="1">
        <v>35.193375600000003</v>
      </c>
      <c r="K185" s="1">
        <v>132.5013624</v>
      </c>
    </row>
    <row r="186" spans="1:11" x14ac:dyDescent="0.15">
      <c r="A186" s="1" t="s">
        <v>1020</v>
      </c>
      <c r="B186" s="1" t="s">
        <v>597</v>
      </c>
      <c r="C186" s="1"/>
      <c r="D186" s="1"/>
      <c r="E186" s="1"/>
      <c r="F186" s="1" t="s">
        <v>598</v>
      </c>
      <c r="G186" s="1" t="s">
        <v>599</v>
      </c>
      <c r="H186" s="1" t="s">
        <v>600</v>
      </c>
      <c r="I186" s="1" t="s">
        <v>83</v>
      </c>
      <c r="J186" s="1">
        <v>35.2295053</v>
      </c>
      <c r="K186" s="1">
        <v>132.50922790000001</v>
      </c>
    </row>
    <row r="187" spans="1:11" x14ac:dyDescent="0.15">
      <c r="A187" s="1" t="s">
        <v>1020</v>
      </c>
      <c r="B187" s="1" t="s">
        <v>601</v>
      </c>
      <c r="C187" s="1"/>
      <c r="D187" s="1"/>
      <c r="E187" s="1"/>
      <c r="F187" s="1" t="s">
        <v>602</v>
      </c>
      <c r="G187" s="1" t="s">
        <v>603</v>
      </c>
      <c r="H187" s="1" t="s">
        <v>604</v>
      </c>
      <c r="I187" s="1" t="s">
        <v>1160</v>
      </c>
      <c r="J187" s="1">
        <v>35.203638099999999</v>
      </c>
      <c r="K187" s="1">
        <v>132.46472130000001</v>
      </c>
    </row>
    <row r="188" spans="1:11" x14ac:dyDescent="0.15">
      <c r="A188" s="1" t="s">
        <v>1020</v>
      </c>
      <c r="B188" s="1" t="s">
        <v>605</v>
      </c>
      <c r="C188" s="1"/>
      <c r="D188" s="1"/>
      <c r="E188" s="1"/>
      <c r="F188" s="1" t="s">
        <v>606</v>
      </c>
      <c r="G188" s="1" t="s">
        <v>607</v>
      </c>
      <c r="H188" s="1" t="s">
        <v>608</v>
      </c>
      <c r="I188" s="1" t="s">
        <v>83</v>
      </c>
      <c r="J188" s="1">
        <v>35.144798799999997</v>
      </c>
      <c r="K188" s="1">
        <v>132.58363660000001</v>
      </c>
    </row>
    <row r="189" spans="1:11" x14ac:dyDescent="0.15">
      <c r="A189" s="1" t="s">
        <v>1020</v>
      </c>
      <c r="B189" s="1" t="s">
        <v>609</v>
      </c>
      <c r="C189" s="1"/>
      <c r="D189" s="1"/>
      <c r="E189" s="1"/>
      <c r="F189" s="1" t="s">
        <v>659</v>
      </c>
      <c r="G189" s="1" t="s">
        <v>611</v>
      </c>
      <c r="H189" s="1" t="s">
        <v>612</v>
      </c>
      <c r="I189" s="1" t="s">
        <v>83</v>
      </c>
      <c r="J189" s="1">
        <v>35.091365500000002</v>
      </c>
      <c r="K189" s="1">
        <v>132.4596602</v>
      </c>
    </row>
    <row r="190" spans="1:11" x14ac:dyDescent="0.15">
      <c r="A190" s="1" t="s">
        <v>1020</v>
      </c>
      <c r="B190" s="1" t="s">
        <v>613</v>
      </c>
      <c r="C190" s="1"/>
      <c r="D190" s="1"/>
      <c r="E190" s="1"/>
      <c r="F190" s="1" t="s">
        <v>614</v>
      </c>
      <c r="G190" s="1" t="s">
        <v>615</v>
      </c>
      <c r="H190" s="1" t="s">
        <v>616</v>
      </c>
      <c r="I190" s="1" t="s">
        <v>1161</v>
      </c>
      <c r="J190" s="1">
        <v>35.089881200000001</v>
      </c>
      <c r="K190" s="1">
        <v>132.35760830000001</v>
      </c>
    </row>
    <row r="191" spans="1:11" x14ac:dyDescent="0.15">
      <c r="A191" s="1" t="s">
        <v>1020</v>
      </c>
      <c r="B191" s="1" t="s">
        <v>1162</v>
      </c>
      <c r="C191" s="1"/>
      <c r="D191" s="1"/>
      <c r="E191" s="1"/>
      <c r="F191" s="1" t="s">
        <v>617</v>
      </c>
      <c r="G191" s="1" t="s">
        <v>618</v>
      </c>
      <c r="H191" s="1" t="s">
        <v>619</v>
      </c>
      <c r="I191" s="1" t="s">
        <v>83</v>
      </c>
      <c r="J191" s="1">
        <v>35.148441900000002</v>
      </c>
      <c r="K191" s="1">
        <v>132.40656670000001</v>
      </c>
    </row>
    <row r="192" spans="1:11" x14ac:dyDescent="0.15">
      <c r="A192" s="1" t="s">
        <v>1020</v>
      </c>
      <c r="B192" s="1"/>
      <c r="C192" s="1"/>
      <c r="D192" s="1" t="s">
        <v>1310</v>
      </c>
      <c r="E192" s="1"/>
      <c r="F192" s="1" t="s">
        <v>594</v>
      </c>
      <c r="G192" s="1" t="s">
        <v>595</v>
      </c>
      <c r="H192" s="1" t="s">
        <v>620</v>
      </c>
      <c r="I192" s="1" t="s">
        <v>1159</v>
      </c>
      <c r="J192" s="1">
        <v>35.193375600000003</v>
      </c>
      <c r="K192" s="1">
        <v>132.5013624</v>
      </c>
    </row>
    <row r="193" spans="1:11" x14ac:dyDescent="0.15">
      <c r="A193" s="1" t="s">
        <v>1020</v>
      </c>
      <c r="B193" s="1"/>
      <c r="C193" s="1"/>
      <c r="D193" s="1" t="s">
        <v>1311</v>
      </c>
      <c r="E193" s="1"/>
      <c r="F193" s="1" t="s">
        <v>621</v>
      </c>
      <c r="G193" s="1" t="s">
        <v>622</v>
      </c>
      <c r="H193" s="1" t="s">
        <v>623</v>
      </c>
      <c r="I193" s="1" t="s">
        <v>83</v>
      </c>
      <c r="J193" s="1">
        <v>35.154466599999999</v>
      </c>
      <c r="K193" s="1">
        <v>132.51077839999999</v>
      </c>
    </row>
    <row r="194" spans="1:11" x14ac:dyDescent="0.15">
      <c r="A194" s="1" t="s">
        <v>1020</v>
      </c>
      <c r="B194" s="1"/>
      <c r="C194" s="1"/>
      <c r="D194" s="1" t="s">
        <v>1312</v>
      </c>
      <c r="E194" s="1"/>
      <c r="F194" s="1" t="s">
        <v>624</v>
      </c>
      <c r="G194" s="1" t="s">
        <v>625</v>
      </c>
      <c r="H194" s="1" t="s">
        <v>626</v>
      </c>
      <c r="I194" s="1" t="s">
        <v>83</v>
      </c>
      <c r="J194" s="1">
        <v>35.152703000000002</v>
      </c>
      <c r="K194" s="1">
        <v>132.47475420000001</v>
      </c>
    </row>
    <row r="195" spans="1:11" x14ac:dyDescent="0.15">
      <c r="A195" s="1" t="s">
        <v>1020</v>
      </c>
      <c r="B195" s="1"/>
      <c r="C195" s="1"/>
      <c r="D195" s="1" t="s">
        <v>1313</v>
      </c>
      <c r="E195" s="1"/>
      <c r="F195" s="1" t="s">
        <v>627</v>
      </c>
      <c r="G195" s="1" t="s">
        <v>628</v>
      </c>
      <c r="H195" s="1" t="s">
        <v>629</v>
      </c>
      <c r="I195" s="1" t="s">
        <v>83</v>
      </c>
      <c r="J195" s="1">
        <v>35.1535723</v>
      </c>
      <c r="K195" s="1">
        <v>132.4517036</v>
      </c>
    </row>
    <row r="196" spans="1:11" x14ac:dyDescent="0.15">
      <c r="A196" s="1" t="s">
        <v>1020</v>
      </c>
      <c r="B196" s="1"/>
      <c r="C196" s="1"/>
      <c r="D196" s="1" t="s">
        <v>1314</v>
      </c>
      <c r="E196" s="1"/>
      <c r="F196" s="1" t="s">
        <v>630</v>
      </c>
      <c r="G196" s="1" t="s">
        <v>631</v>
      </c>
      <c r="H196" s="1" t="s">
        <v>632</v>
      </c>
      <c r="I196" s="1" t="s">
        <v>83</v>
      </c>
      <c r="J196" s="1">
        <v>35.248482299999999</v>
      </c>
      <c r="K196" s="1">
        <v>132.5647802</v>
      </c>
    </row>
    <row r="197" spans="1:11" x14ac:dyDescent="0.15">
      <c r="A197" s="1" t="s">
        <v>1020</v>
      </c>
      <c r="B197" s="1"/>
      <c r="C197" s="1"/>
      <c r="D197" s="1" t="s">
        <v>1315</v>
      </c>
      <c r="E197" s="1"/>
      <c r="F197" s="1" t="s">
        <v>633</v>
      </c>
      <c r="G197" s="1" t="s">
        <v>1163</v>
      </c>
      <c r="H197" s="1" t="s">
        <v>634</v>
      </c>
      <c r="I197" s="1" t="s">
        <v>83</v>
      </c>
      <c r="J197" s="1">
        <v>35.215145</v>
      </c>
      <c r="K197" s="1">
        <v>132.57706060000001</v>
      </c>
    </row>
    <row r="198" spans="1:11" x14ac:dyDescent="0.15">
      <c r="A198" s="1" t="s">
        <v>1020</v>
      </c>
      <c r="B198" s="1"/>
      <c r="C198" s="1"/>
      <c r="D198" s="1" t="s">
        <v>1316</v>
      </c>
      <c r="E198" s="1"/>
      <c r="F198" s="1" t="s">
        <v>635</v>
      </c>
      <c r="G198" s="1" t="s">
        <v>636</v>
      </c>
      <c r="H198" s="1" t="s">
        <v>637</v>
      </c>
      <c r="I198" s="1" t="s">
        <v>83</v>
      </c>
      <c r="J198" s="1">
        <v>35.243600499999999</v>
      </c>
      <c r="K198" s="1">
        <v>132.53598030000001</v>
      </c>
    </row>
    <row r="199" spans="1:11" x14ac:dyDescent="0.15">
      <c r="A199" s="1" t="s">
        <v>1020</v>
      </c>
      <c r="B199" s="1"/>
      <c r="C199" s="1"/>
      <c r="D199" s="1" t="s">
        <v>1317</v>
      </c>
      <c r="E199" s="1"/>
      <c r="F199" s="1" t="s">
        <v>598</v>
      </c>
      <c r="G199" s="1" t="s">
        <v>599</v>
      </c>
      <c r="H199" s="1" t="s">
        <v>638</v>
      </c>
      <c r="I199" s="1" t="s">
        <v>83</v>
      </c>
      <c r="J199" s="1">
        <v>35.2295053</v>
      </c>
      <c r="K199" s="1">
        <v>132.50922790000001</v>
      </c>
    </row>
    <row r="200" spans="1:11" x14ac:dyDescent="0.15">
      <c r="A200" s="1" t="s">
        <v>1020</v>
      </c>
      <c r="B200" s="1"/>
      <c r="C200" s="1"/>
      <c r="D200" s="1" t="s">
        <v>1318</v>
      </c>
      <c r="E200" s="1"/>
      <c r="F200" s="1" t="s">
        <v>639</v>
      </c>
      <c r="G200" s="1" t="s">
        <v>640</v>
      </c>
      <c r="H200" s="1" t="s">
        <v>641</v>
      </c>
      <c r="I200" s="1" t="s">
        <v>83</v>
      </c>
      <c r="J200" s="1">
        <v>35.217239599999999</v>
      </c>
      <c r="K200" s="1">
        <v>132.4792976</v>
      </c>
    </row>
    <row r="201" spans="1:11" x14ac:dyDescent="0.15">
      <c r="A201" s="1" t="s">
        <v>1020</v>
      </c>
      <c r="B201" s="1"/>
      <c r="C201" s="1"/>
      <c r="D201" s="1" t="s">
        <v>1319</v>
      </c>
      <c r="E201" s="1"/>
      <c r="F201" s="1" t="s">
        <v>642</v>
      </c>
      <c r="G201" s="1" t="s">
        <v>643</v>
      </c>
      <c r="H201" s="1" t="s">
        <v>644</v>
      </c>
      <c r="I201" s="1" t="s">
        <v>83</v>
      </c>
      <c r="J201" s="1">
        <v>35.196238899999997</v>
      </c>
      <c r="K201" s="1">
        <v>132.48312519999999</v>
      </c>
    </row>
    <row r="202" spans="1:11" x14ac:dyDescent="0.15">
      <c r="A202" s="1" t="s">
        <v>1020</v>
      </c>
      <c r="B202" s="1"/>
      <c r="C202" s="1"/>
      <c r="D202" s="1" t="s">
        <v>1320</v>
      </c>
      <c r="E202" s="1"/>
      <c r="F202" s="1" t="s">
        <v>602</v>
      </c>
      <c r="G202" s="1" t="s">
        <v>603</v>
      </c>
      <c r="H202" s="1" t="s">
        <v>645</v>
      </c>
      <c r="I202" s="1" t="s">
        <v>83</v>
      </c>
      <c r="J202" s="1">
        <v>35.203638099999999</v>
      </c>
      <c r="K202" s="1">
        <v>132.46472130000001</v>
      </c>
    </row>
    <row r="203" spans="1:11" x14ac:dyDescent="0.15">
      <c r="A203" s="1" t="s">
        <v>1020</v>
      </c>
      <c r="B203" s="1"/>
      <c r="C203" s="1"/>
      <c r="D203" s="1" t="s">
        <v>1321</v>
      </c>
      <c r="E203" s="1"/>
      <c r="F203" s="1" t="s">
        <v>646</v>
      </c>
      <c r="G203" s="1" t="s">
        <v>647</v>
      </c>
      <c r="H203" s="1" t="s">
        <v>648</v>
      </c>
      <c r="I203" s="1" t="s">
        <v>83</v>
      </c>
      <c r="J203" s="1">
        <v>35.188884299999998</v>
      </c>
      <c r="K203" s="1">
        <v>132.43293600000001</v>
      </c>
    </row>
    <row r="204" spans="1:11" x14ac:dyDescent="0.15">
      <c r="A204" s="1" t="s">
        <v>1020</v>
      </c>
      <c r="B204" s="1"/>
      <c r="C204" s="1"/>
      <c r="D204" s="1" t="s">
        <v>1322</v>
      </c>
      <c r="E204" s="1"/>
      <c r="F204" s="1" t="s">
        <v>606</v>
      </c>
      <c r="G204" s="1" t="s">
        <v>607</v>
      </c>
      <c r="H204" s="1" t="s">
        <v>649</v>
      </c>
      <c r="I204" s="1" t="s">
        <v>83</v>
      </c>
      <c r="J204" s="1">
        <v>35.144798799999997</v>
      </c>
      <c r="K204" s="1">
        <v>132.58363660000001</v>
      </c>
    </row>
    <row r="205" spans="1:11" x14ac:dyDescent="0.15">
      <c r="A205" s="1" t="s">
        <v>1020</v>
      </c>
      <c r="B205" s="1"/>
      <c r="C205" s="1"/>
      <c r="D205" s="1" t="s">
        <v>1323</v>
      </c>
      <c r="E205" s="1"/>
      <c r="F205" s="1" t="s">
        <v>650</v>
      </c>
      <c r="G205" s="1" t="s">
        <v>651</v>
      </c>
      <c r="H205" s="1" t="s">
        <v>652</v>
      </c>
      <c r="I205" s="1" t="s">
        <v>83</v>
      </c>
      <c r="J205" s="1">
        <v>35.113549999999996</v>
      </c>
      <c r="K205" s="1">
        <v>132.63127900000001</v>
      </c>
    </row>
    <row r="206" spans="1:11" x14ac:dyDescent="0.15">
      <c r="A206" s="1" t="s">
        <v>1020</v>
      </c>
      <c r="B206" s="1"/>
      <c r="C206" s="1"/>
      <c r="D206" s="1" t="s">
        <v>1324</v>
      </c>
      <c r="E206" s="1"/>
      <c r="F206" s="1" t="s">
        <v>653</v>
      </c>
      <c r="G206" s="1" t="s">
        <v>654</v>
      </c>
      <c r="H206" s="1" t="s">
        <v>655</v>
      </c>
      <c r="I206" s="1" t="s">
        <v>83</v>
      </c>
      <c r="J206" s="1">
        <v>35.172823200000003</v>
      </c>
      <c r="K206" s="1">
        <v>132.6272979</v>
      </c>
    </row>
    <row r="207" spans="1:11" x14ac:dyDescent="0.15">
      <c r="A207" s="1" t="s">
        <v>1020</v>
      </c>
      <c r="B207" s="1"/>
      <c r="C207" s="1"/>
      <c r="D207" s="1" t="s">
        <v>1324</v>
      </c>
      <c r="E207" s="1" t="s">
        <v>1164</v>
      </c>
      <c r="F207" s="1" t="s">
        <v>681</v>
      </c>
      <c r="G207" s="1" t="s">
        <v>682</v>
      </c>
      <c r="H207" s="1" t="s">
        <v>683</v>
      </c>
      <c r="I207" s="1" t="s">
        <v>83</v>
      </c>
      <c r="J207" s="1">
        <v>35.171959399999999</v>
      </c>
      <c r="K207" s="1">
        <v>132.6036454</v>
      </c>
    </row>
    <row r="208" spans="1:11" x14ac:dyDescent="0.15">
      <c r="A208" s="1" t="s">
        <v>1020</v>
      </c>
      <c r="B208" s="1"/>
      <c r="C208" s="1"/>
      <c r="D208" s="1" t="s">
        <v>1325</v>
      </c>
      <c r="E208" s="1"/>
      <c r="F208" s="1" t="s">
        <v>656</v>
      </c>
      <c r="G208" s="1" t="s">
        <v>657</v>
      </c>
      <c r="H208" s="1" t="s">
        <v>1165</v>
      </c>
      <c r="I208" s="1" t="s">
        <v>658</v>
      </c>
      <c r="J208" s="1">
        <v>35.118615200000001</v>
      </c>
      <c r="K208" s="1">
        <v>132.44524960000001</v>
      </c>
    </row>
    <row r="209" spans="1:11" x14ac:dyDescent="0.15">
      <c r="A209" s="1" t="s">
        <v>1020</v>
      </c>
      <c r="B209" s="1"/>
      <c r="C209" s="1"/>
      <c r="D209" s="1" t="s">
        <v>1326</v>
      </c>
      <c r="E209" s="1"/>
      <c r="F209" s="1" t="s">
        <v>659</v>
      </c>
      <c r="G209" s="1" t="s">
        <v>1166</v>
      </c>
      <c r="H209" s="1" t="s">
        <v>660</v>
      </c>
      <c r="I209" s="1" t="s">
        <v>83</v>
      </c>
      <c r="J209" s="1">
        <v>35.090685000000001</v>
      </c>
      <c r="K209" s="1">
        <v>132.4595329</v>
      </c>
    </row>
    <row r="210" spans="1:11" x14ac:dyDescent="0.15">
      <c r="A210" s="1" t="s">
        <v>1020</v>
      </c>
      <c r="B210" s="1"/>
      <c r="C210" s="1"/>
      <c r="D210" s="1" t="s">
        <v>1327</v>
      </c>
      <c r="E210" s="1"/>
      <c r="F210" s="1" t="s">
        <v>610</v>
      </c>
      <c r="G210" s="1" t="s">
        <v>1167</v>
      </c>
      <c r="H210" s="1" t="s">
        <v>661</v>
      </c>
      <c r="I210" s="1" t="s">
        <v>83</v>
      </c>
      <c r="J210" s="1">
        <v>35.067343100000002</v>
      </c>
      <c r="K210" s="1">
        <v>132.45321509999999</v>
      </c>
    </row>
    <row r="211" spans="1:11" x14ac:dyDescent="0.15">
      <c r="A211" s="1" t="s">
        <v>1020</v>
      </c>
      <c r="B211" s="1"/>
      <c r="C211" s="1"/>
      <c r="D211" s="1" t="s">
        <v>1328</v>
      </c>
      <c r="E211" s="1"/>
      <c r="F211" s="1" t="s">
        <v>662</v>
      </c>
      <c r="G211" s="1" t="s">
        <v>663</v>
      </c>
      <c r="H211" s="1" t="s">
        <v>664</v>
      </c>
      <c r="I211" s="1" t="s">
        <v>83</v>
      </c>
      <c r="J211" s="1">
        <v>35.032990900000001</v>
      </c>
      <c r="K211" s="1">
        <v>132.40771609999999</v>
      </c>
    </row>
    <row r="212" spans="1:11" x14ac:dyDescent="0.15">
      <c r="A212" s="1" t="s">
        <v>1020</v>
      </c>
      <c r="B212" s="1"/>
      <c r="C212" s="1"/>
      <c r="D212" s="1" t="s">
        <v>1329</v>
      </c>
      <c r="E212" s="1"/>
      <c r="F212" s="1" t="s">
        <v>614</v>
      </c>
      <c r="G212" s="1" t="s">
        <v>615</v>
      </c>
      <c r="H212" s="1" t="s">
        <v>665</v>
      </c>
      <c r="I212" s="1" t="s">
        <v>83</v>
      </c>
      <c r="J212" s="1">
        <v>35.089881200000001</v>
      </c>
      <c r="K212" s="1">
        <v>132.35760830000001</v>
      </c>
    </row>
    <row r="213" spans="1:11" x14ac:dyDescent="0.15">
      <c r="A213" s="1" t="s">
        <v>1020</v>
      </c>
      <c r="B213" s="1"/>
      <c r="C213" s="1"/>
      <c r="D213" s="1" t="s">
        <v>1330</v>
      </c>
      <c r="E213" s="1"/>
      <c r="F213" s="1" t="s">
        <v>666</v>
      </c>
      <c r="G213" s="1" t="s">
        <v>1168</v>
      </c>
      <c r="H213" s="1" t="s">
        <v>667</v>
      </c>
      <c r="I213" s="1" t="s">
        <v>83</v>
      </c>
      <c r="J213" s="1">
        <v>35.107262599999999</v>
      </c>
      <c r="K213" s="1">
        <v>132.379031</v>
      </c>
    </row>
    <row r="214" spans="1:11" x14ac:dyDescent="0.15">
      <c r="A214" s="1" t="s">
        <v>1020</v>
      </c>
      <c r="B214" s="1"/>
      <c r="C214" s="1"/>
      <c r="D214" s="1" t="s">
        <v>1331</v>
      </c>
      <c r="E214" s="1"/>
      <c r="F214" s="1" t="s">
        <v>668</v>
      </c>
      <c r="G214" s="1" t="s">
        <v>1169</v>
      </c>
      <c r="H214" s="1" t="s">
        <v>669</v>
      </c>
      <c r="I214" s="1" t="s">
        <v>83</v>
      </c>
      <c r="J214" s="1">
        <v>35.072786000000001</v>
      </c>
      <c r="K214" s="1">
        <v>132.33345539999999</v>
      </c>
    </row>
    <row r="215" spans="1:11" x14ac:dyDescent="0.15">
      <c r="A215" s="1" t="s">
        <v>1020</v>
      </c>
      <c r="B215" s="1"/>
      <c r="C215" s="1"/>
      <c r="D215" s="1" t="s">
        <v>1332</v>
      </c>
      <c r="E215" s="1"/>
      <c r="F215" s="1" t="s">
        <v>670</v>
      </c>
      <c r="G215" s="1" t="s">
        <v>1170</v>
      </c>
      <c r="H215" s="1" t="s">
        <v>671</v>
      </c>
      <c r="I215" s="1" t="s">
        <v>83</v>
      </c>
      <c r="J215" s="1">
        <v>35.0322076</v>
      </c>
      <c r="K215" s="1">
        <v>132.3861575</v>
      </c>
    </row>
    <row r="216" spans="1:11" x14ac:dyDescent="0.15">
      <c r="A216" s="1" t="s">
        <v>1020</v>
      </c>
      <c r="B216" s="1"/>
      <c r="C216" s="1"/>
      <c r="D216" s="1" t="s">
        <v>1333</v>
      </c>
      <c r="E216" s="1"/>
      <c r="F216" s="1" t="s">
        <v>617</v>
      </c>
      <c r="G216" s="1" t="s">
        <v>618</v>
      </c>
      <c r="H216" s="1" t="s">
        <v>672</v>
      </c>
      <c r="I216" s="1" t="s">
        <v>83</v>
      </c>
      <c r="J216" s="1">
        <v>35.148441900000002</v>
      </c>
      <c r="K216" s="1">
        <v>132.40656670000001</v>
      </c>
    </row>
    <row r="217" spans="1:11" x14ac:dyDescent="0.15">
      <c r="A217" s="1" t="s">
        <v>1020</v>
      </c>
      <c r="B217" s="1"/>
      <c r="C217" s="1"/>
      <c r="D217" s="1" t="s">
        <v>1334</v>
      </c>
      <c r="E217" s="1"/>
      <c r="F217" s="1" t="s">
        <v>673</v>
      </c>
      <c r="G217" s="1" t="s">
        <v>674</v>
      </c>
      <c r="H217" s="1" t="s">
        <v>675</v>
      </c>
      <c r="I217" s="1" t="s">
        <v>83</v>
      </c>
      <c r="J217" s="1">
        <v>35.1671452</v>
      </c>
      <c r="K217" s="1">
        <v>132.40604709999999</v>
      </c>
    </row>
    <row r="218" spans="1:11" x14ac:dyDescent="0.15">
      <c r="A218" s="1" t="s">
        <v>1020</v>
      </c>
      <c r="B218" s="1"/>
      <c r="C218" s="1"/>
      <c r="D218" s="1" t="s">
        <v>1335</v>
      </c>
      <c r="E218" s="1"/>
      <c r="F218" s="1" t="s">
        <v>676</v>
      </c>
      <c r="G218" s="1" t="s">
        <v>1171</v>
      </c>
      <c r="H218" s="1" t="s">
        <v>677</v>
      </c>
      <c r="I218" s="1" t="s">
        <v>83</v>
      </c>
      <c r="J218" s="1">
        <v>35.127049999999997</v>
      </c>
      <c r="K218" s="1">
        <v>132.42398180000001</v>
      </c>
    </row>
    <row r="219" spans="1:11" x14ac:dyDescent="0.15">
      <c r="A219" s="1" t="s">
        <v>1020</v>
      </c>
      <c r="B219" s="1"/>
      <c r="C219" s="1"/>
      <c r="D219" s="1" t="s">
        <v>1336</v>
      </c>
      <c r="E219" s="1"/>
      <c r="F219" s="1" t="s">
        <v>678</v>
      </c>
      <c r="G219" s="1" t="s">
        <v>679</v>
      </c>
      <c r="H219" s="1" t="s">
        <v>680</v>
      </c>
      <c r="I219" s="1" t="s">
        <v>83</v>
      </c>
      <c r="J219" s="1">
        <v>35.129643899999998</v>
      </c>
      <c r="K219" s="1">
        <v>132.38861900000001</v>
      </c>
    </row>
    <row r="220" spans="1:11" x14ac:dyDescent="0.15">
      <c r="A220" s="1" t="s">
        <v>1021</v>
      </c>
      <c r="B220" s="1"/>
      <c r="C220" s="1"/>
      <c r="D220" s="1" t="s">
        <v>1380</v>
      </c>
      <c r="E220" s="1"/>
      <c r="F220" s="1" t="s">
        <v>684</v>
      </c>
      <c r="G220" s="1" t="s">
        <v>685</v>
      </c>
      <c r="H220" s="1" t="s">
        <v>686</v>
      </c>
      <c r="I220" s="1" t="s">
        <v>83</v>
      </c>
      <c r="J220" s="1">
        <v>35.034221199999998</v>
      </c>
      <c r="K220" s="1">
        <v>132.3318289</v>
      </c>
    </row>
    <row r="221" spans="1:11" x14ac:dyDescent="0.15">
      <c r="A221" s="1" t="s">
        <v>1021</v>
      </c>
      <c r="B221" s="1"/>
      <c r="C221" s="1"/>
      <c r="D221" s="1" t="s">
        <v>1381</v>
      </c>
      <c r="E221" s="1"/>
      <c r="F221" s="1" t="s">
        <v>687</v>
      </c>
      <c r="G221" s="1" t="s">
        <v>688</v>
      </c>
      <c r="H221" s="1" t="s">
        <v>689</v>
      </c>
      <c r="I221" s="1" t="s">
        <v>83</v>
      </c>
      <c r="J221" s="1">
        <v>35.055171600000001</v>
      </c>
      <c r="K221" s="1">
        <v>132.3117718</v>
      </c>
    </row>
    <row r="222" spans="1:11" x14ac:dyDescent="0.15">
      <c r="A222" s="1" t="s">
        <v>1021</v>
      </c>
      <c r="B222" s="1"/>
      <c r="C222" s="1"/>
      <c r="D222" s="1" t="s">
        <v>1382</v>
      </c>
      <c r="E222" s="1"/>
      <c r="F222" s="1" t="s">
        <v>690</v>
      </c>
      <c r="G222" s="1" t="s">
        <v>691</v>
      </c>
      <c r="H222" s="1" t="s">
        <v>692</v>
      </c>
      <c r="I222" s="1" t="s">
        <v>83</v>
      </c>
      <c r="J222" s="1">
        <v>35.037959100000002</v>
      </c>
      <c r="K222" s="1">
        <v>132.3005206</v>
      </c>
    </row>
    <row r="223" spans="1:11" x14ac:dyDescent="0.15">
      <c r="A223" s="1" t="s">
        <v>1021</v>
      </c>
      <c r="B223" s="1"/>
      <c r="C223" s="1"/>
      <c r="D223" s="1" t="s">
        <v>1383</v>
      </c>
      <c r="E223" s="1"/>
      <c r="F223" s="1" t="s">
        <v>693</v>
      </c>
      <c r="G223" s="1" t="s">
        <v>694</v>
      </c>
      <c r="H223" s="1" t="s">
        <v>695</v>
      </c>
      <c r="I223" s="1" t="s">
        <v>83</v>
      </c>
      <c r="J223" s="1">
        <v>35.035517300000002</v>
      </c>
      <c r="K223" s="1">
        <v>132.27234820000001</v>
      </c>
    </row>
    <row r="224" spans="1:11" x14ac:dyDescent="0.15">
      <c r="A224" s="1" t="s">
        <v>1021</v>
      </c>
      <c r="B224" s="1"/>
      <c r="C224" s="1"/>
      <c r="D224" s="1" t="s">
        <v>1384</v>
      </c>
      <c r="E224" s="1"/>
      <c r="F224" s="1" t="s">
        <v>696</v>
      </c>
      <c r="G224" s="1" t="s">
        <v>697</v>
      </c>
      <c r="H224" s="1" t="s">
        <v>698</v>
      </c>
      <c r="I224" s="1" t="s">
        <v>83</v>
      </c>
      <c r="J224" s="1">
        <v>34.999679899999997</v>
      </c>
      <c r="K224" s="1">
        <v>132.2831223</v>
      </c>
    </row>
    <row r="225" spans="1:11" x14ac:dyDescent="0.15">
      <c r="A225" s="1" t="s">
        <v>1021</v>
      </c>
      <c r="B225" s="1" t="s">
        <v>1010</v>
      </c>
      <c r="C225" s="1"/>
      <c r="D225" s="1"/>
      <c r="E225" s="1"/>
      <c r="F225" s="1" t="s">
        <v>699</v>
      </c>
      <c r="G225" s="1" t="s">
        <v>700</v>
      </c>
      <c r="H225" s="1" t="s">
        <v>701</v>
      </c>
      <c r="I225" s="1" t="s">
        <v>83</v>
      </c>
      <c r="J225" s="1">
        <v>35.021121800000003</v>
      </c>
      <c r="K225" s="1">
        <v>132.23283470000001</v>
      </c>
    </row>
    <row r="226" spans="1:11" x14ac:dyDescent="0.15">
      <c r="A226" s="1" t="s">
        <v>1021</v>
      </c>
      <c r="B226" s="1" t="s">
        <v>1172</v>
      </c>
      <c r="C226" s="1"/>
      <c r="D226" s="1"/>
      <c r="E226" s="1"/>
      <c r="F226" s="1" t="s">
        <v>702</v>
      </c>
      <c r="G226" s="1" t="s">
        <v>703</v>
      </c>
      <c r="H226" s="1" t="s">
        <v>704</v>
      </c>
      <c r="I226" s="1" t="s">
        <v>83</v>
      </c>
      <c r="J226" s="1">
        <v>35.009681499999999</v>
      </c>
      <c r="K226" s="1">
        <v>132.2216109</v>
      </c>
    </row>
    <row r="227" spans="1:11" x14ac:dyDescent="0.15">
      <c r="A227" s="1" t="s">
        <v>1021</v>
      </c>
      <c r="B227" s="1" t="s">
        <v>1173</v>
      </c>
      <c r="C227" s="1"/>
      <c r="D227" s="1"/>
      <c r="E227" s="1"/>
      <c r="F227" s="1" t="s">
        <v>705</v>
      </c>
      <c r="G227" s="1" t="s">
        <v>1174</v>
      </c>
      <c r="H227" s="1" t="s">
        <v>706</v>
      </c>
      <c r="I227" s="1" t="s">
        <v>83</v>
      </c>
      <c r="J227" s="1">
        <v>35.0071291</v>
      </c>
      <c r="K227" s="1">
        <v>132.249853</v>
      </c>
    </row>
    <row r="228" spans="1:11" x14ac:dyDescent="0.15">
      <c r="A228" s="1" t="s">
        <v>1021</v>
      </c>
      <c r="B228" s="1"/>
      <c r="C228" s="1"/>
      <c r="D228" s="1" t="s">
        <v>1385</v>
      </c>
      <c r="E228" s="1"/>
      <c r="F228" s="1" t="s">
        <v>707</v>
      </c>
      <c r="G228" s="1" t="s">
        <v>708</v>
      </c>
      <c r="H228" s="1" t="s">
        <v>709</v>
      </c>
      <c r="I228" s="1" t="s">
        <v>83</v>
      </c>
      <c r="J228" s="1">
        <v>35.005462600000001</v>
      </c>
      <c r="K228" s="1">
        <v>132.21199519999999</v>
      </c>
    </row>
    <row r="229" spans="1:11" x14ac:dyDescent="0.15">
      <c r="A229" s="1" t="s">
        <v>1021</v>
      </c>
      <c r="B229" s="1"/>
      <c r="C229" s="1"/>
      <c r="D229" s="1" t="s">
        <v>1386</v>
      </c>
      <c r="E229" s="1"/>
      <c r="F229" s="1" t="s">
        <v>710</v>
      </c>
      <c r="G229" s="1" t="s">
        <v>711</v>
      </c>
      <c r="H229" s="1" t="s">
        <v>712</v>
      </c>
      <c r="I229" s="1" t="s">
        <v>83</v>
      </c>
      <c r="J229" s="1">
        <v>35.0011686</v>
      </c>
      <c r="K229" s="1">
        <v>132.19883540000001</v>
      </c>
    </row>
    <row r="230" spans="1:11" x14ac:dyDescent="0.15">
      <c r="A230" s="1" t="s">
        <v>1021</v>
      </c>
      <c r="B230" s="1"/>
      <c r="C230" s="1"/>
      <c r="D230" s="1" t="s">
        <v>1387</v>
      </c>
      <c r="E230" s="1"/>
      <c r="F230" s="1" t="s">
        <v>713</v>
      </c>
      <c r="G230" s="1" t="s">
        <v>714</v>
      </c>
      <c r="H230" s="1" t="s">
        <v>715</v>
      </c>
      <c r="I230" s="1" t="s">
        <v>83</v>
      </c>
      <c r="J230" s="1">
        <v>34.986292200000001</v>
      </c>
      <c r="K230" s="1">
        <v>132.19101989999999</v>
      </c>
    </row>
    <row r="231" spans="1:11" x14ac:dyDescent="0.15">
      <c r="A231" s="1" t="s">
        <v>1021</v>
      </c>
      <c r="B231" s="1"/>
      <c r="C231" s="1"/>
      <c r="D231" s="1" t="s">
        <v>1388</v>
      </c>
      <c r="E231" s="1"/>
      <c r="F231" s="1" t="s">
        <v>716</v>
      </c>
      <c r="G231" s="1" t="s">
        <v>717</v>
      </c>
      <c r="H231" s="1" t="s">
        <v>718</v>
      </c>
      <c r="I231" s="1" t="s">
        <v>83</v>
      </c>
      <c r="J231" s="1">
        <v>34.979442900000002</v>
      </c>
      <c r="K231" s="1">
        <v>132.19354490000001</v>
      </c>
    </row>
    <row r="232" spans="1:11" x14ac:dyDescent="0.15">
      <c r="A232" s="1" t="s">
        <v>1021</v>
      </c>
      <c r="B232" s="1"/>
      <c r="C232" s="1"/>
      <c r="D232" s="1" t="s">
        <v>1389</v>
      </c>
      <c r="E232" s="1"/>
      <c r="F232" s="1" t="s">
        <v>719</v>
      </c>
      <c r="G232" s="1" t="s">
        <v>720</v>
      </c>
      <c r="H232" s="1" t="s">
        <v>721</v>
      </c>
      <c r="I232" s="1" t="s">
        <v>83</v>
      </c>
      <c r="J232" s="1">
        <v>34.955607000000001</v>
      </c>
      <c r="K232" s="1">
        <v>132.22391189999999</v>
      </c>
    </row>
    <row r="233" spans="1:11" x14ac:dyDescent="0.15">
      <c r="A233" s="1" t="s">
        <v>1021</v>
      </c>
      <c r="B233" s="1"/>
      <c r="C233" s="1"/>
      <c r="D233" s="1" t="s">
        <v>1390</v>
      </c>
      <c r="E233" s="1"/>
      <c r="F233" s="1" t="s">
        <v>722</v>
      </c>
      <c r="G233" s="1" t="s">
        <v>723</v>
      </c>
      <c r="H233" s="1" t="s">
        <v>724</v>
      </c>
      <c r="I233" s="1" t="s">
        <v>83</v>
      </c>
      <c r="J233" s="1">
        <v>34.975004300000002</v>
      </c>
      <c r="K233" s="1">
        <v>132.17411300000001</v>
      </c>
    </row>
    <row r="234" spans="1:11" x14ac:dyDescent="0.15">
      <c r="A234" s="1" t="s">
        <v>1021</v>
      </c>
      <c r="B234" s="1"/>
      <c r="C234" s="1"/>
      <c r="D234" s="1" t="s">
        <v>1391</v>
      </c>
      <c r="E234" s="1"/>
      <c r="F234" s="1" t="s">
        <v>725</v>
      </c>
      <c r="G234" s="1" t="s">
        <v>1175</v>
      </c>
      <c r="H234" s="1" t="s">
        <v>726</v>
      </c>
      <c r="I234" s="1" t="s">
        <v>83</v>
      </c>
      <c r="J234" s="1">
        <v>34.965360699999998</v>
      </c>
      <c r="K234" s="1">
        <v>132.15061739999999</v>
      </c>
    </row>
    <row r="235" spans="1:11" x14ac:dyDescent="0.15">
      <c r="A235" s="1" t="s">
        <v>1021</v>
      </c>
      <c r="B235" s="1"/>
      <c r="C235" s="1"/>
      <c r="D235" s="1" t="s">
        <v>1392</v>
      </c>
      <c r="E235" s="1"/>
      <c r="F235" s="1" t="s">
        <v>727</v>
      </c>
      <c r="G235" s="1" t="s">
        <v>728</v>
      </c>
      <c r="H235" s="1" t="s">
        <v>729</v>
      </c>
      <c r="I235" s="1" t="s">
        <v>83</v>
      </c>
      <c r="J235" s="1">
        <v>34.946188300000003</v>
      </c>
      <c r="K235" s="1">
        <v>132.20021679999999</v>
      </c>
    </row>
    <row r="236" spans="1:11" x14ac:dyDescent="0.15">
      <c r="A236" s="1" t="s">
        <v>1021</v>
      </c>
      <c r="B236" s="1"/>
      <c r="C236" s="1"/>
      <c r="D236" s="1" t="s">
        <v>1393</v>
      </c>
      <c r="E236" s="1"/>
      <c r="F236" s="1" t="s">
        <v>730</v>
      </c>
      <c r="G236" s="1" t="s">
        <v>731</v>
      </c>
      <c r="H236" s="1" t="s">
        <v>732</v>
      </c>
      <c r="I236" s="1" t="s">
        <v>83</v>
      </c>
      <c r="J236" s="1">
        <v>34.9247017</v>
      </c>
      <c r="K236" s="1">
        <v>132.2741556</v>
      </c>
    </row>
    <row r="237" spans="1:11" x14ac:dyDescent="0.15">
      <c r="A237" s="1" t="s">
        <v>1021</v>
      </c>
      <c r="B237" s="1"/>
      <c r="C237" s="1"/>
      <c r="D237" s="1" t="s">
        <v>1394</v>
      </c>
      <c r="E237" s="1"/>
      <c r="F237" s="1" t="s">
        <v>733</v>
      </c>
      <c r="G237" s="1" t="s">
        <v>734</v>
      </c>
      <c r="H237" s="1" t="s">
        <v>735</v>
      </c>
      <c r="I237" s="1" t="s">
        <v>83</v>
      </c>
      <c r="J237" s="1">
        <v>34.940039800000001</v>
      </c>
      <c r="K237" s="1">
        <v>132.31857289999999</v>
      </c>
    </row>
    <row r="238" spans="1:11" x14ac:dyDescent="0.15">
      <c r="A238" s="1" t="s">
        <v>1021</v>
      </c>
      <c r="B238" s="1"/>
      <c r="C238" s="1"/>
      <c r="D238" s="1" t="s">
        <v>1395</v>
      </c>
      <c r="E238" s="1"/>
      <c r="F238" s="1" t="s">
        <v>736</v>
      </c>
      <c r="G238" s="1" t="s">
        <v>737</v>
      </c>
      <c r="H238" s="1" t="s">
        <v>738</v>
      </c>
      <c r="I238" s="1" t="s">
        <v>83</v>
      </c>
      <c r="J238" s="1">
        <v>34.957610000000003</v>
      </c>
      <c r="K238" s="1">
        <v>132.33563789999999</v>
      </c>
    </row>
    <row r="239" spans="1:11" x14ac:dyDescent="0.15">
      <c r="A239" s="1" t="s">
        <v>1021</v>
      </c>
      <c r="B239" s="1"/>
      <c r="C239" s="1"/>
      <c r="D239" s="1" t="s">
        <v>1396</v>
      </c>
      <c r="E239" s="1"/>
      <c r="F239" s="1" t="s">
        <v>739</v>
      </c>
      <c r="G239" s="1" t="s">
        <v>1176</v>
      </c>
      <c r="H239" s="1" t="s">
        <v>740</v>
      </c>
      <c r="I239" s="1" t="s">
        <v>83</v>
      </c>
      <c r="J239" s="1">
        <v>34.9675449</v>
      </c>
      <c r="K239" s="1">
        <v>132.33843210000001</v>
      </c>
    </row>
    <row r="240" spans="1:11" x14ac:dyDescent="0.15">
      <c r="A240" s="1" t="s">
        <v>1021</v>
      </c>
      <c r="B240" s="1"/>
      <c r="C240" s="1"/>
      <c r="D240" s="1" t="s">
        <v>1397</v>
      </c>
      <c r="E240" s="1"/>
      <c r="F240" s="1" t="s">
        <v>741</v>
      </c>
      <c r="G240" s="1" t="s">
        <v>742</v>
      </c>
      <c r="H240" s="1" t="s">
        <v>743</v>
      </c>
      <c r="I240" s="1" t="s">
        <v>83</v>
      </c>
      <c r="J240" s="1">
        <v>34.947231700000003</v>
      </c>
      <c r="K240" s="1">
        <v>132.41365880000001</v>
      </c>
    </row>
    <row r="241" spans="1:11" x14ac:dyDescent="0.15">
      <c r="A241" s="1" t="s">
        <v>1022</v>
      </c>
      <c r="B241" s="1" t="s">
        <v>981</v>
      </c>
      <c r="C241" s="1"/>
      <c r="D241" s="1"/>
      <c r="E241" s="1"/>
      <c r="F241" s="1" t="s">
        <v>982</v>
      </c>
      <c r="G241" s="1" t="s">
        <v>983</v>
      </c>
      <c r="H241" s="1" t="s">
        <v>984</v>
      </c>
      <c r="I241" s="1" t="s">
        <v>985</v>
      </c>
      <c r="J241" s="1">
        <v>34.991825599999999</v>
      </c>
      <c r="K241" s="1">
        <v>132.4971539</v>
      </c>
    </row>
    <row r="242" spans="1:11" x14ac:dyDescent="0.15">
      <c r="A242" s="1" t="s">
        <v>1022</v>
      </c>
      <c r="B242" s="1" t="s">
        <v>986</v>
      </c>
      <c r="C242" s="1"/>
      <c r="D242" s="1"/>
      <c r="E242" s="1"/>
      <c r="F242" s="1" t="s">
        <v>987</v>
      </c>
      <c r="G242" s="1" t="s">
        <v>988</v>
      </c>
      <c r="H242" s="1" t="s">
        <v>989</v>
      </c>
      <c r="I242" s="1" t="s">
        <v>990</v>
      </c>
      <c r="J242" s="1">
        <v>34.9965063</v>
      </c>
      <c r="K242" s="1">
        <v>132.41497459999999</v>
      </c>
    </row>
    <row r="243" spans="1:11" x14ac:dyDescent="0.15">
      <c r="A243" s="1" t="s">
        <v>1022</v>
      </c>
      <c r="B243" s="1" t="s">
        <v>744</v>
      </c>
      <c r="C243" s="1"/>
      <c r="D243" s="1"/>
      <c r="E243" s="1"/>
      <c r="F243" s="1" t="s">
        <v>745</v>
      </c>
      <c r="G243" s="1" t="s">
        <v>746</v>
      </c>
      <c r="H243" s="1" t="s">
        <v>747</v>
      </c>
      <c r="I243" s="1" t="s">
        <v>748</v>
      </c>
      <c r="J243" s="1">
        <v>34.966894799999999</v>
      </c>
      <c r="K243" s="1">
        <v>132.4748199</v>
      </c>
    </row>
    <row r="244" spans="1:11" x14ac:dyDescent="0.15">
      <c r="A244" s="1" t="s">
        <v>1023</v>
      </c>
      <c r="B244" s="1" t="s">
        <v>1177</v>
      </c>
      <c r="C244" s="1"/>
      <c r="D244" s="1"/>
      <c r="E244" s="1"/>
      <c r="F244" s="1" t="s">
        <v>749</v>
      </c>
      <c r="G244" s="1" t="s">
        <v>750</v>
      </c>
      <c r="H244" s="1" t="s">
        <v>751</v>
      </c>
      <c r="I244" s="1" t="s">
        <v>752</v>
      </c>
      <c r="J244" s="1">
        <v>35.051647299999999</v>
      </c>
      <c r="K244" s="1">
        <v>132.66139960000001</v>
      </c>
    </row>
    <row r="245" spans="1:11" x14ac:dyDescent="0.15">
      <c r="A245" s="1" t="s">
        <v>1023</v>
      </c>
      <c r="B245" s="1" t="s">
        <v>753</v>
      </c>
      <c r="C245" s="1"/>
      <c r="D245" s="1"/>
      <c r="E245" s="1"/>
      <c r="F245" s="1" t="s">
        <v>754</v>
      </c>
      <c r="G245" s="1" t="s">
        <v>1178</v>
      </c>
      <c r="H245" s="1" t="s">
        <v>755</v>
      </c>
      <c r="I245" s="1" t="s">
        <v>756</v>
      </c>
      <c r="J245" s="1">
        <v>35.063638300000001</v>
      </c>
      <c r="K245" s="1">
        <v>132.50729329999999</v>
      </c>
    </row>
    <row r="246" spans="1:11" x14ac:dyDescent="0.15">
      <c r="A246" s="1" t="s">
        <v>1023</v>
      </c>
      <c r="B246" s="1" t="s">
        <v>1179</v>
      </c>
      <c r="C246" s="1"/>
      <c r="D246" s="1"/>
      <c r="E246" s="1"/>
      <c r="F246" s="1" t="s">
        <v>757</v>
      </c>
      <c r="G246" s="1" t="s">
        <v>758</v>
      </c>
      <c r="H246" s="1"/>
      <c r="I246" s="1"/>
      <c r="J246" s="1">
        <v>35.100472600000003</v>
      </c>
      <c r="K246" s="1">
        <v>132.5294705</v>
      </c>
    </row>
    <row r="247" spans="1:11" x14ac:dyDescent="0.15">
      <c r="A247" s="1" t="s">
        <v>1023</v>
      </c>
      <c r="B247" s="1" t="s">
        <v>759</v>
      </c>
      <c r="C247" s="1"/>
      <c r="D247" s="1"/>
      <c r="E247" s="1"/>
      <c r="F247" s="1" t="s">
        <v>760</v>
      </c>
      <c r="G247" s="1" t="s">
        <v>761</v>
      </c>
      <c r="H247" s="1" t="s">
        <v>762</v>
      </c>
      <c r="I247" s="1" t="s">
        <v>763</v>
      </c>
      <c r="J247" s="1">
        <v>34.9608749</v>
      </c>
      <c r="K247" s="1">
        <v>132.6435414</v>
      </c>
    </row>
    <row r="248" spans="1:11" x14ac:dyDescent="0.15">
      <c r="A248" s="1" t="s">
        <v>1023</v>
      </c>
      <c r="B248" s="1" t="s">
        <v>764</v>
      </c>
      <c r="C248" s="1"/>
      <c r="D248" s="1"/>
      <c r="E248" s="1"/>
      <c r="F248" s="1" t="s">
        <v>765</v>
      </c>
      <c r="G248" s="1" t="s">
        <v>766</v>
      </c>
      <c r="H248" s="1" t="s">
        <v>767</v>
      </c>
      <c r="I248" s="1" t="s">
        <v>768</v>
      </c>
      <c r="J248" s="1">
        <v>34.953681400000001</v>
      </c>
      <c r="K248" s="1">
        <v>132.6025684</v>
      </c>
    </row>
    <row r="249" spans="1:11" x14ac:dyDescent="0.15">
      <c r="A249" s="1" t="s">
        <v>1023</v>
      </c>
      <c r="B249" s="1" t="s">
        <v>769</v>
      </c>
      <c r="C249" s="1"/>
      <c r="D249" s="1"/>
      <c r="E249" s="1"/>
      <c r="F249" s="1" t="s">
        <v>770</v>
      </c>
      <c r="G249" s="1" t="s">
        <v>771</v>
      </c>
      <c r="H249" s="1" t="s">
        <v>772</v>
      </c>
      <c r="I249" s="1" t="s">
        <v>773</v>
      </c>
      <c r="J249" s="1">
        <v>34.992261800000001</v>
      </c>
      <c r="K249" s="1">
        <v>132.60946770000001</v>
      </c>
    </row>
    <row r="250" spans="1:11" x14ac:dyDescent="0.15">
      <c r="A250" s="1" t="s">
        <v>1023</v>
      </c>
      <c r="B250" s="1" t="s">
        <v>769</v>
      </c>
      <c r="C250" s="1" t="s">
        <v>1036</v>
      </c>
      <c r="D250" s="1"/>
      <c r="E250" s="1"/>
      <c r="F250" s="1" t="s">
        <v>774</v>
      </c>
      <c r="G250" s="1" t="s">
        <v>775</v>
      </c>
      <c r="H250" s="1" t="s">
        <v>776</v>
      </c>
      <c r="I250" s="1" t="s">
        <v>83</v>
      </c>
      <c r="J250" s="1">
        <v>35.0189424</v>
      </c>
      <c r="K250" s="1">
        <v>132.63364200000001</v>
      </c>
    </row>
    <row r="251" spans="1:11" x14ac:dyDescent="0.15">
      <c r="A251" s="1" t="s">
        <v>995</v>
      </c>
      <c r="B251" s="1" t="s">
        <v>1180</v>
      </c>
      <c r="C251" s="1"/>
      <c r="D251" s="1"/>
      <c r="E251" s="1"/>
      <c r="F251" s="1" t="s">
        <v>777</v>
      </c>
      <c r="G251" s="1" t="s">
        <v>778</v>
      </c>
      <c r="H251" s="1" t="s">
        <v>779</v>
      </c>
      <c r="I251" s="1" t="s">
        <v>780</v>
      </c>
      <c r="J251" s="1">
        <v>34.874405400000001</v>
      </c>
      <c r="K251" s="1">
        <v>132.61740850000001</v>
      </c>
    </row>
    <row r="252" spans="1:11" x14ac:dyDescent="0.15">
      <c r="A252" s="1" t="s">
        <v>995</v>
      </c>
      <c r="B252" s="1" t="s">
        <v>1180</v>
      </c>
      <c r="C252" s="1" t="s">
        <v>1181</v>
      </c>
      <c r="D252" s="1"/>
      <c r="E252" s="1"/>
      <c r="F252" s="1" t="s">
        <v>814</v>
      </c>
      <c r="G252" s="1" t="s">
        <v>815</v>
      </c>
      <c r="H252" s="1" t="s">
        <v>816</v>
      </c>
      <c r="I252" s="1"/>
      <c r="J252" s="1">
        <v>34.878954299999997</v>
      </c>
      <c r="K252" s="1">
        <v>132.5992972</v>
      </c>
    </row>
    <row r="253" spans="1:11" x14ac:dyDescent="0.15">
      <c r="A253" s="1" t="s">
        <v>995</v>
      </c>
      <c r="B253" s="1" t="s">
        <v>1180</v>
      </c>
      <c r="C253" s="1" t="s">
        <v>1182</v>
      </c>
      <c r="D253" s="1"/>
      <c r="E253" s="1"/>
      <c r="F253" s="1" t="s">
        <v>817</v>
      </c>
      <c r="G253" s="1" t="s">
        <v>818</v>
      </c>
      <c r="H253" s="1" t="s">
        <v>819</v>
      </c>
      <c r="I253" s="1"/>
      <c r="J253" s="1">
        <v>34.850215900000002</v>
      </c>
      <c r="K253" s="1">
        <v>132.65869119999999</v>
      </c>
    </row>
    <row r="254" spans="1:11" x14ac:dyDescent="0.15">
      <c r="A254" s="1" t="s">
        <v>995</v>
      </c>
      <c r="B254" s="1" t="s">
        <v>1180</v>
      </c>
      <c r="C254" s="1" t="s">
        <v>1183</v>
      </c>
      <c r="D254" s="1"/>
      <c r="E254" s="1"/>
      <c r="F254" s="1" t="s">
        <v>777</v>
      </c>
      <c r="G254" s="1" t="s">
        <v>820</v>
      </c>
      <c r="H254" s="1" t="s">
        <v>821</v>
      </c>
      <c r="I254" s="1"/>
      <c r="J254" s="1">
        <v>34.8689727</v>
      </c>
      <c r="K254" s="1">
        <v>132.61791400000001</v>
      </c>
    </row>
    <row r="255" spans="1:11" x14ac:dyDescent="0.15">
      <c r="A255" s="1" t="s">
        <v>995</v>
      </c>
      <c r="B255" s="1" t="s">
        <v>1184</v>
      </c>
      <c r="C255" s="1"/>
      <c r="D255" s="1"/>
      <c r="E255" s="1"/>
      <c r="F255" s="1" t="s">
        <v>781</v>
      </c>
      <c r="G255" s="1" t="s">
        <v>782</v>
      </c>
      <c r="H255" s="1" t="s">
        <v>783</v>
      </c>
      <c r="I255" s="1" t="s">
        <v>83</v>
      </c>
      <c r="J255" s="1">
        <v>34.881831699999999</v>
      </c>
      <c r="K255" s="1">
        <v>132.66896180000001</v>
      </c>
    </row>
    <row r="256" spans="1:11" x14ac:dyDescent="0.15">
      <c r="A256" s="1" t="s">
        <v>995</v>
      </c>
      <c r="B256" s="1" t="s">
        <v>1184</v>
      </c>
      <c r="C256" s="1" t="s">
        <v>1185</v>
      </c>
      <c r="D256" s="1"/>
      <c r="E256" s="1"/>
      <c r="F256" s="1" t="s">
        <v>822</v>
      </c>
      <c r="G256" s="1" t="s">
        <v>823</v>
      </c>
      <c r="H256" s="1"/>
      <c r="I256" s="1"/>
      <c r="J256" s="1">
        <v>34.870502500000001</v>
      </c>
      <c r="K256" s="1">
        <v>132.6484221</v>
      </c>
    </row>
    <row r="257" spans="1:11" x14ac:dyDescent="0.15">
      <c r="A257" s="1" t="s">
        <v>995</v>
      </c>
      <c r="B257" s="1" t="s">
        <v>1184</v>
      </c>
      <c r="C257" s="1" t="s">
        <v>1186</v>
      </c>
      <c r="D257" s="1"/>
      <c r="E257" s="1"/>
      <c r="F257" s="1" t="s">
        <v>824</v>
      </c>
      <c r="G257" s="1" t="s">
        <v>825</v>
      </c>
      <c r="H257" s="1" t="s">
        <v>826</v>
      </c>
      <c r="I257" s="1"/>
      <c r="J257" s="1">
        <v>34.853524399999998</v>
      </c>
      <c r="K257" s="1">
        <v>132.6777338</v>
      </c>
    </row>
    <row r="258" spans="1:11" x14ac:dyDescent="0.15">
      <c r="A258" s="1" t="s">
        <v>995</v>
      </c>
      <c r="B258" s="1" t="s">
        <v>1184</v>
      </c>
      <c r="C258" s="1" t="s">
        <v>1037</v>
      </c>
      <c r="D258" s="1"/>
      <c r="E258" s="1"/>
      <c r="F258" s="1" t="s">
        <v>781</v>
      </c>
      <c r="G258" s="1" t="s">
        <v>827</v>
      </c>
      <c r="H258" s="1"/>
      <c r="I258" s="1"/>
      <c r="J258" s="1">
        <v>34.882053800000001</v>
      </c>
      <c r="K258" s="1">
        <v>132.67479169999999</v>
      </c>
    </row>
    <row r="259" spans="1:11" x14ac:dyDescent="0.15">
      <c r="A259" s="1" t="s">
        <v>995</v>
      </c>
      <c r="B259" s="1" t="s">
        <v>1187</v>
      </c>
      <c r="C259" s="1"/>
      <c r="D259" s="1"/>
      <c r="E259" s="1"/>
      <c r="F259" s="1" t="s">
        <v>784</v>
      </c>
      <c r="G259" s="1" t="s">
        <v>785</v>
      </c>
      <c r="H259" s="1" t="s">
        <v>786</v>
      </c>
      <c r="I259" s="1" t="s">
        <v>83</v>
      </c>
      <c r="J259" s="1">
        <v>34.854132700000001</v>
      </c>
      <c r="K259" s="1">
        <v>132.52013690000001</v>
      </c>
    </row>
    <row r="260" spans="1:11" x14ac:dyDescent="0.15">
      <c r="A260" s="1" t="s">
        <v>995</v>
      </c>
      <c r="B260" s="1" t="s">
        <v>1188</v>
      </c>
      <c r="C260" s="1"/>
      <c r="D260" s="1"/>
      <c r="E260" s="1"/>
      <c r="F260" s="1" t="s">
        <v>787</v>
      </c>
      <c r="G260" s="1" t="s">
        <v>788</v>
      </c>
      <c r="H260" s="1" t="s">
        <v>789</v>
      </c>
      <c r="I260" s="1" t="s">
        <v>83</v>
      </c>
      <c r="J260" s="1">
        <v>34.860804700000003</v>
      </c>
      <c r="K260" s="1">
        <v>132.5408463</v>
      </c>
    </row>
    <row r="261" spans="1:11" x14ac:dyDescent="0.15">
      <c r="A261" s="1" t="s">
        <v>995</v>
      </c>
      <c r="B261" s="1" t="s">
        <v>1188</v>
      </c>
      <c r="C261" s="1" t="s">
        <v>1189</v>
      </c>
      <c r="D261" s="1"/>
      <c r="E261" s="1"/>
      <c r="F261" s="1" t="s">
        <v>828</v>
      </c>
      <c r="G261" s="1" t="s">
        <v>829</v>
      </c>
      <c r="H261" s="1"/>
      <c r="I261" s="1"/>
      <c r="J261" s="1">
        <v>34.859935499999999</v>
      </c>
      <c r="K261" s="1">
        <v>132.54462670000001</v>
      </c>
    </row>
    <row r="262" spans="1:11" x14ac:dyDescent="0.15">
      <c r="A262" s="1" t="s">
        <v>995</v>
      </c>
      <c r="B262" s="1" t="s">
        <v>1190</v>
      </c>
      <c r="C262" s="1"/>
      <c r="D262" s="1"/>
      <c r="E262" s="1"/>
      <c r="F262" s="1" t="s">
        <v>790</v>
      </c>
      <c r="G262" s="1" t="s">
        <v>791</v>
      </c>
      <c r="H262" s="1" t="s">
        <v>792</v>
      </c>
      <c r="I262" s="1" t="s">
        <v>793</v>
      </c>
      <c r="J262" s="1">
        <v>34.893940700000002</v>
      </c>
      <c r="K262" s="1">
        <v>132.5525586</v>
      </c>
    </row>
    <row r="263" spans="1:11" x14ac:dyDescent="0.15">
      <c r="A263" s="1" t="s">
        <v>995</v>
      </c>
      <c r="B263" s="1" t="s">
        <v>1190</v>
      </c>
      <c r="C263" s="1" t="s">
        <v>1191</v>
      </c>
      <c r="D263" s="1"/>
      <c r="E263" s="1"/>
      <c r="F263" s="1" t="s">
        <v>830</v>
      </c>
      <c r="G263" s="1" t="s">
        <v>831</v>
      </c>
      <c r="H263" s="1"/>
      <c r="I263" s="1"/>
      <c r="J263" s="1">
        <v>34.870645699999997</v>
      </c>
      <c r="K263" s="1">
        <v>132.5567508</v>
      </c>
    </row>
    <row r="264" spans="1:11" x14ac:dyDescent="0.15">
      <c r="A264" s="1" t="s">
        <v>995</v>
      </c>
      <c r="B264" s="1" t="s">
        <v>1192</v>
      </c>
      <c r="C264" s="1"/>
      <c r="D264" s="1"/>
      <c r="E264" s="1"/>
      <c r="F264" s="1" t="s">
        <v>794</v>
      </c>
      <c r="G264" s="1" t="s">
        <v>1193</v>
      </c>
      <c r="H264" s="1" t="s">
        <v>795</v>
      </c>
      <c r="I264" s="1" t="s">
        <v>83</v>
      </c>
      <c r="J264" s="1">
        <v>34.938261199999999</v>
      </c>
      <c r="K264" s="1">
        <v>132.57290879999999</v>
      </c>
    </row>
    <row r="265" spans="1:11" x14ac:dyDescent="0.15">
      <c r="A265" s="1" t="s">
        <v>995</v>
      </c>
      <c r="B265" s="1" t="s">
        <v>1046</v>
      </c>
      <c r="C265" s="1"/>
      <c r="D265" s="1"/>
      <c r="E265" s="1"/>
      <c r="F265" s="1" t="s">
        <v>796</v>
      </c>
      <c r="G265" s="1" t="s">
        <v>797</v>
      </c>
      <c r="H265" s="1" t="s">
        <v>798</v>
      </c>
      <c r="I265" s="1" t="s">
        <v>83</v>
      </c>
      <c r="J265" s="1">
        <v>34.830336299999999</v>
      </c>
      <c r="K265" s="1">
        <v>132.40458100000001</v>
      </c>
    </row>
    <row r="266" spans="1:11" x14ac:dyDescent="0.15">
      <c r="A266" s="1" t="s">
        <v>995</v>
      </c>
      <c r="B266" s="1" t="s">
        <v>1046</v>
      </c>
      <c r="C266" s="1" t="s">
        <v>1194</v>
      </c>
      <c r="D266" s="1"/>
      <c r="E266" s="1"/>
      <c r="F266" s="1" t="s">
        <v>796</v>
      </c>
      <c r="G266" s="1" t="s">
        <v>832</v>
      </c>
      <c r="H266" s="1"/>
      <c r="I266" s="1"/>
      <c r="J266" s="1">
        <v>34.833266500000001</v>
      </c>
      <c r="K266" s="1">
        <v>132.4038726</v>
      </c>
    </row>
    <row r="267" spans="1:11" x14ac:dyDescent="0.15">
      <c r="A267" s="1" t="s">
        <v>995</v>
      </c>
      <c r="B267" s="1" t="s">
        <v>1195</v>
      </c>
      <c r="C267" s="1"/>
      <c r="D267" s="1"/>
      <c r="E267" s="1"/>
      <c r="F267" s="1" t="s">
        <v>799</v>
      </c>
      <c r="G267" s="1" t="s">
        <v>800</v>
      </c>
      <c r="H267" s="1" t="s">
        <v>801</v>
      </c>
      <c r="I267" s="1" t="s">
        <v>802</v>
      </c>
      <c r="J267" s="1">
        <v>34.890341599999999</v>
      </c>
      <c r="K267" s="1">
        <v>132.44045030000001</v>
      </c>
    </row>
    <row r="268" spans="1:11" x14ac:dyDescent="0.15">
      <c r="A268" s="1" t="s">
        <v>995</v>
      </c>
      <c r="B268" s="1" t="s">
        <v>1196</v>
      </c>
      <c r="C268" s="1"/>
      <c r="D268" s="1"/>
      <c r="E268" s="1"/>
      <c r="F268" s="1" t="s">
        <v>803</v>
      </c>
      <c r="G268" s="1" t="s">
        <v>804</v>
      </c>
      <c r="H268" s="1" t="s">
        <v>805</v>
      </c>
      <c r="I268" s="1" t="s">
        <v>83</v>
      </c>
      <c r="J268" s="1">
        <v>34.903179700000003</v>
      </c>
      <c r="K268" s="1">
        <v>132.461748</v>
      </c>
    </row>
    <row r="269" spans="1:11" x14ac:dyDescent="0.15">
      <c r="A269" s="1" t="s">
        <v>995</v>
      </c>
      <c r="B269" s="1" t="s">
        <v>1197</v>
      </c>
      <c r="C269" s="1"/>
      <c r="D269" s="1"/>
      <c r="E269" s="1"/>
      <c r="F269" s="1" t="s">
        <v>806</v>
      </c>
      <c r="G269" s="1" t="s">
        <v>807</v>
      </c>
      <c r="H269" s="1" t="s">
        <v>808</v>
      </c>
      <c r="I269" s="1" t="s">
        <v>83</v>
      </c>
      <c r="J269" s="1">
        <v>34.904046200000003</v>
      </c>
      <c r="K269" s="1">
        <v>132.47979359999999</v>
      </c>
    </row>
    <row r="270" spans="1:11" x14ac:dyDescent="0.15">
      <c r="A270" s="1" t="s">
        <v>995</v>
      </c>
      <c r="B270" s="1" t="s">
        <v>1198</v>
      </c>
      <c r="C270" s="1"/>
      <c r="D270" s="1"/>
      <c r="E270" s="1"/>
      <c r="F270" s="1" t="s">
        <v>809</v>
      </c>
      <c r="G270" s="1" t="s">
        <v>1199</v>
      </c>
      <c r="H270" s="1" t="s">
        <v>810</v>
      </c>
      <c r="I270" s="1" t="s">
        <v>83</v>
      </c>
      <c r="J270" s="1">
        <v>34.884168099999997</v>
      </c>
      <c r="K270" s="1">
        <v>132.36500140000001</v>
      </c>
    </row>
    <row r="271" spans="1:11" x14ac:dyDescent="0.15">
      <c r="A271" s="1" t="s">
        <v>995</v>
      </c>
      <c r="B271" s="1" t="s">
        <v>1200</v>
      </c>
      <c r="C271" s="1"/>
      <c r="D271" s="1"/>
      <c r="E271" s="1"/>
      <c r="F271" s="1" t="s">
        <v>811</v>
      </c>
      <c r="G271" s="1" t="s">
        <v>812</v>
      </c>
      <c r="H271" s="1" t="s">
        <v>813</v>
      </c>
      <c r="I271" s="1" t="s">
        <v>83</v>
      </c>
      <c r="J271" s="1">
        <v>34.915551200000003</v>
      </c>
      <c r="K271" s="1">
        <v>132.37691319999999</v>
      </c>
    </row>
    <row r="272" spans="1:11" x14ac:dyDescent="0.15">
      <c r="A272" s="1" t="s">
        <v>996</v>
      </c>
      <c r="B272" s="1" t="s">
        <v>1201</v>
      </c>
      <c r="C272" s="1"/>
      <c r="D272" s="1"/>
      <c r="E272" s="1"/>
      <c r="F272" s="1" t="s">
        <v>833</v>
      </c>
      <c r="G272" s="1" t="s">
        <v>834</v>
      </c>
      <c r="H272" s="1" t="s">
        <v>835</v>
      </c>
      <c r="I272" s="1" t="s">
        <v>83</v>
      </c>
      <c r="J272" s="1">
        <v>34.677056</v>
      </c>
      <c r="K272" s="1">
        <v>131.8602133</v>
      </c>
    </row>
    <row r="273" spans="1:11" x14ac:dyDescent="0.15">
      <c r="A273" s="1" t="s">
        <v>996</v>
      </c>
      <c r="B273" s="1" t="s">
        <v>1202</v>
      </c>
      <c r="C273" s="1"/>
      <c r="D273" s="1"/>
      <c r="E273" s="1"/>
      <c r="F273" s="1" t="s">
        <v>836</v>
      </c>
      <c r="G273" s="1" t="s">
        <v>837</v>
      </c>
      <c r="H273" s="1" t="s">
        <v>838</v>
      </c>
      <c r="I273" s="1" t="s">
        <v>839</v>
      </c>
      <c r="J273" s="1">
        <v>34.674655999999999</v>
      </c>
      <c r="K273" s="1">
        <v>131.840926</v>
      </c>
    </row>
    <row r="274" spans="1:11" x14ac:dyDescent="0.15">
      <c r="A274" s="1" t="s">
        <v>996</v>
      </c>
      <c r="B274" s="1" t="s">
        <v>1203</v>
      </c>
      <c r="C274" s="1"/>
      <c r="D274" s="1"/>
      <c r="E274" s="1"/>
      <c r="F274" s="1" t="s">
        <v>840</v>
      </c>
      <c r="G274" s="1" t="s">
        <v>841</v>
      </c>
      <c r="H274" s="1" t="s">
        <v>842</v>
      </c>
      <c r="I274" s="1" t="s">
        <v>83</v>
      </c>
      <c r="J274" s="1">
        <v>34.677041799999998</v>
      </c>
      <c r="K274" s="1">
        <v>131.82197210000001</v>
      </c>
    </row>
    <row r="275" spans="1:11" x14ac:dyDescent="0.15">
      <c r="A275" s="1" t="s">
        <v>996</v>
      </c>
      <c r="B275" s="1" t="s">
        <v>1204</v>
      </c>
      <c r="C275" s="1"/>
      <c r="D275" s="1"/>
      <c r="E275" s="1"/>
      <c r="F275" s="1" t="s">
        <v>843</v>
      </c>
      <c r="G275" s="1" t="s">
        <v>844</v>
      </c>
      <c r="H275" s="1" t="s">
        <v>845</v>
      </c>
      <c r="I275" s="1" t="s">
        <v>83</v>
      </c>
      <c r="J275" s="1">
        <v>34.717568999999997</v>
      </c>
      <c r="K275" s="1">
        <v>131.86198490000001</v>
      </c>
    </row>
    <row r="276" spans="1:11" x14ac:dyDescent="0.15">
      <c r="A276" s="1" t="s">
        <v>996</v>
      </c>
      <c r="B276" s="1" t="s">
        <v>1205</v>
      </c>
      <c r="C276" s="1"/>
      <c r="D276" s="1"/>
      <c r="E276" s="1"/>
      <c r="F276" s="1" t="s">
        <v>846</v>
      </c>
      <c r="G276" s="1" t="s">
        <v>847</v>
      </c>
      <c r="H276" s="1" t="s">
        <v>848</v>
      </c>
      <c r="I276" s="1" t="s">
        <v>83</v>
      </c>
      <c r="J276" s="1">
        <v>34.752496399999998</v>
      </c>
      <c r="K276" s="1">
        <v>131.88129309999999</v>
      </c>
    </row>
    <row r="277" spans="1:11" x14ac:dyDescent="0.15">
      <c r="A277" s="1" t="s">
        <v>996</v>
      </c>
      <c r="B277" s="1" t="s">
        <v>1206</v>
      </c>
      <c r="C277" s="1"/>
      <c r="D277" s="1"/>
      <c r="E277" s="1"/>
      <c r="F277" s="1" t="s">
        <v>849</v>
      </c>
      <c r="G277" s="1" t="s">
        <v>850</v>
      </c>
      <c r="H277" s="1" t="s">
        <v>851</v>
      </c>
      <c r="I277" s="1" t="s">
        <v>83</v>
      </c>
      <c r="J277" s="1">
        <v>34.7219032</v>
      </c>
      <c r="K277" s="1">
        <v>131.9179297</v>
      </c>
    </row>
    <row r="278" spans="1:11" x14ac:dyDescent="0.15">
      <c r="A278" s="1" t="s">
        <v>996</v>
      </c>
      <c r="B278" s="1" t="s">
        <v>1207</v>
      </c>
      <c r="C278" s="1"/>
      <c r="D278" s="1"/>
      <c r="E278" s="1"/>
      <c r="F278" s="1" t="s">
        <v>852</v>
      </c>
      <c r="G278" s="1" t="s">
        <v>853</v>
      </c>
      <c r="H278" s="1" t="s">
        <v>854</v>
      </c>
      <c r="I278" s="1" t="s">
        <v>83</v>
      </c>
      <c r="J278" s="1">
        <v>34.698099499999998</v>
      </c>
      <c r="K278" s="1">
        <v>131.8907466</v>
      </c>
    </row>
    <row r="279" spans="1:11" x14ac:dyDescent="0.15">
      <c r="A279" s="1" t="s">
        <v>996</v>
      </c>
      <c r="B279" s="1" t="s">
        <v>1208</v>
      </c>
      <c r="C279" s="1"/>
      <c r="D279" s="1"/>
      <c r="E279" s="1"/>
      <c r="F279" s="1" t="s">
        <v>855</v>
      </c>
      <c r="G279" s="1" t="s">
        <v>856</v>
      </c>
      <c r="H279" s="1" t="s">
        <v>857</v>
      </c>
      <c r="I279" s="1" t="s">
        <v>83</v>
      </c>
      <c r="J279" s="1">
        <v>34.672595800000003</v>
      </c>
      <c r="K279" s="1">
        <v>131.87611179999999</v>
      </c>
    </row>
    <row r="280" spans="1:11" x14ac:dyDescent="0.15">
      <c r="A280" s="1" t="s">
        <v>996</v>
      </c>
      <c r="B280" s="1" t="s">
        <v>1209</v>
      </c>
      <c r="C280" s="1"/>
      <c r="D280" s="1"/>
      <c r="E280" s="1"/>
      <c r="F280" s="1" t="s">
        <v>858</v>
      </c>
      <c r="G280" s="1" t="s">
        <v>859</v>
      </c>
      <c r="H280" s="1" t="s">
        <v>860</v>
      </c>
      <c r="I280" s="1" t="s">
        <v>83</v>
      </c>
      <c r="J280" s="1">
        <v>34.634211800000003</v>
      </c>
      <c r="K280" s="1">
        <v>131.93865919999999</v>
      </c>
    </row>
    <row r="281" spans="1:11" x14ac:dyDescent="0.15">
      <c r="A281" s="1" t="s">
        <v>996</v>
      </c>
      <c r="B281" s="1" t="s">
        <v>1210</v>
      </c>
      <c r="C281" s="1"/>
      <c r="D281" s="1"/>
      <c r="E281" s="1"/>
      <c r="F281" s="1" t="s">
        <v>861</v>
      </c>
      <c r="G281" s="1" t="s">
        <v>862</v>
      </c>
      <c r="H281" s="1" t="s">
        <v>863</v>
      </c>
      <c r="I281" s="1" t="s">
        <v>83</v>
      </c>
      <c r="J281" s="1">
        <v>34.623536399999999</v>
      </c>
      <c r="K281" s="1">
        <v>131.80640840000001</v>
      </c>
    </row>
    <row r="282" spans="1:11" x14ac:dyDescent="0.15">
      <c r="A282" s="1" t="s">
        <v>996</v>
      </c>
      <c r="B282" s="1" t="s">
        <v>1211</v>
      </c>
      <c r="C282" s="1"/>
      <c r="D282" s="1"/>
      <c r="E282" s="1"/>
      <c r="F282" s="1" t="s">
        <v>864</v>
      </c>
      <c r="G282" s="1" t="s">
        <v>865</v>
      </c>
      <c r="H282" s="1" t="s">
        <v>866</v>
      </c>
      <c r="I282" s="1"/>
      <c r="J282" s="1">
        <v>34.617453699999999</v>
      </c>
      <c r="K282" s="1">
        <v>131.80282829999999</v>
      </c>
    </row>
    <row r="283" spans="1:11" x14ac:dyDescent="0.15">
      <c r="A283" s="1" t="s">
        <v>996</v>
      </c>
      <c r="B283" s="1" t="s">
        <v>1212</v>
      </c>
      <c r="C283" s="1"/>
      <c r="D283" s="1"/>
      <c r="E283" s="1"/>
      <c r="F283" s="1" t="s">
        <v>867</v>
      </c>
      <c r="G283" s="1" t="s">
        <v>868</v>
      </c>
      <c r="H283" s="1" t="s">
        <v>869</v>
      </c>
      <c r="I283" s="1" t="s">
        <v>83</v>
      </c>
      <c r="J283" s="1">
        <v>34.601660000000003</v>
      </c>
      <c r="K283" s="1">
        <v>131.72811630000001</v>
      </c>
    </row>
    <row r="284" spans="1:11" x14ac:dyDescent="0.15">
      <c r="A284" s="1" t="s">
        <v>996</v>
      </c>
      <c r="B284" s="1" t="s">
        <v>1213</v>
      </c>
      <c r="C284" s="1"/>
      <c r="D284" s="1"/>
      <c r="E284" s="1"/>
      <c r="F284" s="1" t="s">
        <v>870</v>
      </c>
      <c r="G284" s="1" t="s">
        <v>871</v>
      </c>
      <c r="H284" s="1" t="s">
        <v>872</v>
      </c>
      <c r="I284" s="1" t="s">
        <v>83</v>
      </c>
      <c r="J284" s="1">
        <v>34.627401300000002</v>
      </c>
      <c r="K284" s="1">
        <v>131.72536289999999</v>
      </c>
    </row>
    <row r="285" spans="1:11" x14ac:dyDescent="0.15">
      <c r="A285" s="1" t="s">
        <v>996</v>
      </c>
      <c r="B285" s="1" t="s">
        <v>1214</v>
      </c>
      <c r="C285" s="1"/>
      <c r="D285" s="1"/>
      <c r="E285" s="1"/>
      <c r="F285" s="1" t="s">
        <v>873</v>
      </c>
      <c r="G285" s="1" t="s">
        <v>874</v>
      </c>
      <c r="H285" s="1" t="s">
        <v>875</v>
      </c>
      <c r="I285" s="1" t="s">
        <v>83</v>
      </c>
      <c r="J285" s="1">
        <v>34.672590499999998</v>
      </c>
      <c r="K285" s="1">
        <v>131.74015790000001</v>
      </c>
    </row>
    <row r="286" spans="1:11" x14ac:dyDescent="0.15">
      <c r="A286" s="1" t="s">
        <v>996</v>
      </c>
      <c r="B286" s="1" t="s">
        <v>1215</v>
      </c>
      <c r="C286" s="1"/>
      <c r="D286" s="1"/>
      <c r="E286" s="1"/>
      <c r="F286" s="1" t="s">
        <v>876</v>
      </c>
      <c r="G286" s="1" t="s">
        <v>877</v>
      </c>
      <c r="H286" s="1" t="s">
        <v>878</v>
      </c>
      <c r="I286" s="1" t="s">
        <v>83</v>
      </c>
      <c r="J286" s="1">
        <v>34.6488771</v>
      </c>
      <c r="K286" s="1">
        <v>131.77686639999999</v>
      </c>
    </row>
    <row r="287" spans="1:11" x14ac:dyDescent="0.15">
      <c r="A287" s="1" t="s">
        <v>996</v>
      </c>
      <c r="B287" s="1" t="s">
        <v>1216</v>
      </c>
      <c r="C287" s="1"/>
      <c r="D287" s="1"/>
      <c r="E287" s="1"/>
      <c r="F287" s="1" t="s">
        <v>879</v>
      </c>
      <c r="G287" s="1" t="s">
        <v>880</v>
      </c>
      <c r="H287" s="1" t="s">
        <v>881</v>
      </c>
      <c r="I287" s="1" t="s">
        <v>882</v>
      </c>
      <c r="J287" s="1">
        <v>34.679524299999997</v>
      </c>
      <c r="K287" s="1">
        <v>131.93686310000001</v>
      </c>
    </row>
    <row r="288" spans="1:11" x14ac:dyDescent="0.15">
      <c r="A288" s="1" t="s">
        <v>996</v>
      </c>
      <c r="B288" s="1" t="s">
        <v>1217</v>
      </c>
      <c r="C288" s="1"/>
      <c r="D288" s="1"/>
      <c r="E288" s="1"/>
      <c r="F288" s="1" t="s">
        <v>883</v>
      </c>
      <c r="G288" s="1" t="s">
        <v>1218</v>
      </c>
      <c r="H288" s="1" t="s">
        <v>884</v>
      </c>
      <c r="I288" s="1" t="s">
        <v>885</v>
      </c>
      <c r="J288" s="1">
        <v>34.666062599999997</v>
      </c>
      <c r="K288" s="1">
        <v>131.985894</v>
      </c>
    </row>
    <row r="289" spans="1:11" x14ac:dyDescent="0.15">
      <c r="A289" s="1" t="s">
        <v>996</v>
      </c>
      <c r="B289" s="1" t="s">
        <v>1219</v>
      </c>
      <c r="C289" s="1"/>
      <c r="D289" s="1"/>
      <c r="E289" s="1"/>
      <c r="F289" s="1" t="s">
        <v>886</v>
      </c>
      <c r="G289" s="1" t="s">
        <v>1220</v>
      </c>
      <c r="H289" s="1" t="s">
        <v>887</v>
      </c>
      <c r="I289" s="1" t="s">
        <v>888</v>
      </c>
      <c r="J289" s="1">
        <v>34.690499899999999</v>
      </c>
      <c r="K289" s="1">
        <v>132.02760910000001</v>
      </c>
    </row>
    <row r="290" spans="1:11" x14ac:dyDescent="0.15">
      <c r="A290" s="1" t="s">
        <v>996</v>
      </c>
      <c r="B290" s="1" t="s">
        <v>1221</v>
      </c>
      <c r="C290" s="1"/>
      <c r="D290" s="1"/>
      <c r="E290" s="1"/>
      <c r="F290" s="1" t="s">
        <v>889</v>
      </c>
      <c r="G290" s="1" t="s">
        <v>1222</v>
      </c>
      <c r="H290" s="1" t="s">
        <v>890</v>
      </c>
      <c r="I290" s="1" t="s">
        <v>891</v>
      </c>
      <c r="J290" s="1">
        <v>34.568221700000002</v>
      </c>
      <c r="K290" s="1">
        <v>132.02236120000001</v>
      </c>
    </row>
    <row r="291" spans="1:11" x14ac:dyDescent="0.15">
      <c r="A291" s="1" t="s">
        <v>996</v>
      </c>
      <c r="B291" s="1" t="s">
        <v>1223</v>
      </c>
      <c r="C291" s="1"/>
      <c r="D291" s="1"/>
      <c r="E291" s="1"/>
      <c r="F291" s="1" t="s">
        <v>892</v>
      </c>
      <c r="G291" s="1" t="s">
        <v>1224</v>
      </c>
      <c r="H291" s="1" t="s">
        <v>893</v>
      </c>
      <c r="I291" s="1" t="s">
        <v>894</v>
      </c>
      <c r="J291" s="1">
        <v>34.606428999999999</v>
      </c>
      <c r="K291" s="1">
        <v>131.95285129999999</v>
      </c>
    </row>
    <row r="292" spans="1:11" x14ac:dyDescent="0.15">
      <c r="A292" s="1" t="s">
        <v>996</v>
      </c>
      <c r="B292" s="1" t="s">
        <v>1225</v>
      </c>
      <c r="C292" s="1"/>
      <c r="D292" s="1"/>
      <c r="E292" s="1"/>
      <c r="F292" s="1" t="s">
        <v>895</v>
      </c>
      <c r="G292" s="1" t="s">
        <v>896</v>
      </c>
      <c r="H292" s="1" t="s">
        <v>897</v>
      </c>
      <c r="I292" s="1" t="s">
        <v>898</v>
      </c>
      <c r="J292" s="1">
        <v>34.640451200000001</v>
      </c>
      <c r="K292" s="1">
        <v>132.0915612</v>
      </c>
    </row>
    <row r="293" spans="1:11" x14ac:dyDescent="0.15">
      <c r="A293" s="1" t="s">
        <v>997</v>
      </c>
      <c r="B293" s="1" t="s">
        <v>899</v>
      </c>
      <c r="C293" s="1"/>
      <c r="D293" s="1"/>
      <c r="E293" s="1"/>
      <c r="F293" s="1" t="s">
        <v>900</v>
      </c>
      <c r="G293" s="1" t="s">
        <v>1002</v>
      </c>
      <c r="H293" s="1" t="s">
        <v>901</v>
      </c>
      <c r="I293" s="1"/>
      <c r="J293" s="1">
        <v>34.466904800000002</v>
      </c>
      <c r="K293" s="1">
        <v>131.77409660000001</v>
      </c>
    </row>
    <row r="294" spans="1:11" x14ac:dyDescent="0.15">
      <c r="A294" s="1" t="s">
        <v>997</v>
      </c>
      <c r="B294" s="1" t="s">
        <v>1226</v>
      </c>
      <c r="C294" s="1"/>
      <c r="D294" s="1"/>
      <c r="E294" s="1"/>
      <c r="F294" s="1" t="s">
        <v>900</v>
      </c>
      <c r="G294" s="1" t="s">
        <v>1002</v>
      </c>
      <c r="H294" s="1" t="s">
        <v>901</v>
      </c>
      <c r="I294" s="1"/>
      <c r="J294" s="1">
        <v>34.466904800000002</v>
      </c>
      <c r="K294" s="1">
        <v>131.77409660000001</v>
      </c>
    </row>
    <row r="295" spans="1:11" x14ac:dyDescent="0.15">
      <c r="A295" s="1" t="s">
        <v>997</v>
      </c>
      <c r="B295" s="1" t="s">
        <v>1227</v>
      </c>
      <c r="C295" s="1"/>
      <c r="D295" s="1"/>
      <c r="E295" s="1"/>
      <c r="F295" s="1" t="s">
        <v>902</v>
      </c>
      <c r="G295" s="1" t="s">
        <v>903</v>
      </c>
      <c r="H295" s="1" t="s">
        <v>904</v>
      </c>
      <c r="I295" s="1"/>
      <c r="J295" s="1">
        <v>34.480114299999997</v>
      </c>
      <c r="K295" s="1">
        <v>131.77518219999999</v>
      </c>
    </row>
    <row r="296" spans="1:11" x14ac:dyDescent="0.15">
      <c r="A296" s="1" t="s">
        <v>997</v>
      </c>
      <c r="B296" s="1" t="s">
        <v>1228</v>
      </c>
      <c r="C296" s="1"/>
      <c r="D296" s="1"/>
      <c r="E296" s="1"/>
      <c r="F296" s="1" t="s">
        <v>905</v>
      </c>
      <c r="G296" s="1" t="s">
        <v>906</v>
      </c>
      <c r="H296" s="1" t="s">
        <v>907</v>
      </c>
      <c r="I296" s="1"/>
      <c r="J296" s="1">
        <v>34.483080299999997</v>
      </c>
      <c r="K296" s="1">
        <v>131.74367939999999</v>
      </c>
    </row>
    <row r="297" spans="1:11" x14ac:dyDescent="0.15">
      <c r="A297" s="1" t="s">
        <v>997</v>
      </c>
      <c r="B297" s="1" t="s">
        <v>1229</v>
      </c>
      <c r="C297" s="1"/>
      <c r="D297" s="1"/>
      <c r="E297" s="1"/>
      <c r="F297" s="1" t="s">
        <v>908</v>
      </c>
      <c r="G297" s="1" t="s">
        <v>909</v>
      </c>
      <c r="H297" s="1" t="s">
        <v>910</v>
      </c>
      <c r="I297" s="1"/>
      <c r="J297" s="1">
        <v>34.525874600000002</v>
      </c>
      <c r="K297" s="1">
        <v>131.7225966</v>
      </c>
    </row>
    <row r="298" spans="1:11" x14ac:dyDescent="0.15">
      <c r="A298" s="1" t="s">
        <v>997</v>
      </c>
      <c r="B298" s="1" t="s">
        <v>1230</v>
      </c>
      <c r="C298" s="1"/>
      <c r="D298" s="1"/>
      <c r="E298" s="1"/>
      <c r="F298" s="1" t="s">
        <v>911</v>
      </c>
      <c r="G298" s="1" t="s">
        <v>912</v>
      </c>
      <c r="H298" s="1" t="s">
        <v>913</v>
      </c>
      <c r="I298" s="1"/>
      <c r="J298" s="1">
        <v>34.542145400000003</v>
      </c>
      <c r="K298" s="1">
        <v>131.83833569999999</v>
      </c>
    </row>
    <row r="299" spans="1:11" x14ac:dyDescent="0.15">
      <c r="A299" s="1" t="s">
        <v>997</v>
      </c>
      <c r="B299" s="1" t="s">
        <v>1231</v>
      </c>
      <c r="C299" s="1"/>
      <c r="D299" s="1"/>
      <c r="E299" s="1"/>
      <c r="F299" s="1" t="s">
        <v>911</v>
      </c>
      <c r="G299" s="1" t="s">
        <v>912</v>
      </c>
      <c r="H299" s="1" t="s">
        <v>914</v>
      </c>
      <c r="I299" s="1"/>
      <c r="J299" s="1">
        <v>34.542145400000003</v>
      </c>
      <c r="K299" s="1">
        <v>131.83833569999999</v>
      </c>
    </row>
    <row r="300" spans="1:11" x14ac:dyDescent="0.15">
      <c r="A300" s="1" t="s">
        <v>997</v>
      </c>
      <c r="B300" s="1" t="s">
        <v>1231</v>
      </c>
      <c r="C300" s="1" t="s">
        <v>1038</v>
      </c>
      <c r="D300" s="1"/>
      <c r="E300" s="1"/>
      <c r="F300" s="1" t="s">
        <v>915</v>
      </c>
      <c r="G300" s="1" t="s">
        <v>1232</v>
      </c>
      <c r="H300" s="1"/>
      <c r="I300" s="1"/>
      <c r="J300" s="1">
        <v>34.516243099999997</v>
      </c>
      <c r="K300" s="1">
        <v>131.82477940000001</v>
      </c>
    </row>
    <row r="301" spans="1:11" x14ac:dyDescent="0.15">
      <c r="A301" s="1" t="s">
        <v>997</v>
      </c>
      <c r="B301" s="1" t="s">
        <v>1231</v>
      </c>
      <c r="C301" s="1" t="s">
        <v>1039</v>
      </c>
      <c r="D301" s="1"/>
      <c r="E301" s="1"/>
      <c r="F301" s="1" t="s">
        <v>916</v>
      </c>
      <c r="G301" s="1" t="s">
        <v>917</v>
      </c>
      <c r="H301" s="1" t="s">
        <v>918</v>
      </c>
      <c r="I301" s="1"/>
      <c r="J301" s="1">
        <v>34.532738000000002</v>
      </c>
      <c r="K301" s="1">
        <v>131.8319449</v>
      </c>
    </row>
    <row r="302" spans="1:11" x14ac:dyDescent="0.15">
      <c r="A302" s="1" t="s">
        <v>997</v>
      </c>
      <c r="B302" s="1" t="s">
        <v>1231</v>
      </c>
      <c r="C302" s="1" t="s">
        <v>1040</v>
      </c>
      <c r="D302" s="1"/>
      <c r="E302" s="1"/>
      <c r="F302" s="1" t="s">
        <v>919</v>
      </c>
      <c r="G302" s="1" t="s">
        <v>920</v>
      </c>
      <c r="H302" s="1"/>
      <c r="I302" s="1"/>
      <c r="J302" s="1">
        <v>34.552199600000002</v>
      </c>
      <c r="K302" s="1">
        <v>131.81801229999999</v>
      </c>
    </row>
    <row r="303" spans="1:11" x14ac:dyDescent="0.15">
      <c r="A303" s="1" t="s">
        <v>997</v>
      </c>
      <c r="B303" s="1" t="s">
        <v>1231</v>
      </c>
      <c r="C303" s="1" t="s">
        <v>1041</v>
      </c>
      <c r="D303" s="1"/>
      <c r="E303" s="1"/>
      <c r="F303" s="1" t="s">
        <v>921</v>
      </c>
      <c r="G303" s="1" t="s">
        <v>922</v>
      </c>
      <c r="H303" s="1"/>
      <c r="I303" s="1"/>
      <c r="J303" s="1">
        <v>34.529124400000001</v>
      </c>
      <c r="K303" s="1">
        <v>131.7968405</v>
      </c>
    </row>
    <row r="304" spans="1:11" x14ac:dyDescent="0.15">
      <c r="A304" s="1" t="s">
        <v>997</v>
      </c>
      <c r="B304" s="1" t="s">
        <v>1233</v>
      </c>
      <c r="C304" s="1"/>
      <c r="D304" s="1"/>
      <c r="E304" s="1"/>
      <c r="F304" s="1" t="s">
        <v>923</v>
      </c>
      <c r="G304" s="1" t="s">
        <v>1234</v>
      </c>
      <c r="H304" s="1" t="s">
        <v>924</v>
      </c>
      <c r="I304" s="1"/>
      <c r="J304" s="1">
        <v>34.4957931</v>
      </c>
      <c r="K304" s="1">
        <v>131.8699537</v>
      </c>
    </row>
    <row r="305" spans="1:11" x14ac:dyDescent="0.15">
      <c r="A305" s="1" t="s">
        <v>997</v>
      </c>
      <c r="B305" s="1" t="s">
        <v>1235</v>
      </c>
      <c r="C305" s="1"/>
      <c r="D305" s="1"/>
      <c r="E305" s="1"/>
      <c r="F305" s="1" t="s">
        <v>925</v>
      </c>
      <c r="G305" s="1" t="s">
        <v>977</v>
      </c>
      <c r="H305" s="1" t="s">
        <v>926</v>
      </c>
      <c r="I305" s="1"/>
      <c r="J305" s="1">
        <v>34.572693100000002</v>
      </c>
      <c r="K305" s="1">
        <v>131.88323990000001</v>
      </c>
    </row>
    <row r="306" spans="1:11" x14ac:dyDescent="0.15">
      <c r="A306" s="1" t="s">
        <v>997</v>
      </c>
      <c r="B306" s="1" t="s">
        <v>1236</v>
      </c>
      <c r="C306" s="1"/>
      <c r="D306" s="1"/>
      <c r="E306" s="1"/>
      <c r="F306" s="1" t="s">
        <v>927</v>
      </c>
      <c r="G306" s="1" t="s">
        <v>928</v>
      </c>
      <c r="H306" s="1" t="s">
        <v>929</v>
      </c>
      <c r="I306" s="1"/>
      <c r="J306" s="1">
        <v>34.578338100000003</v>
      </c>
      <c r="K306" s="1">
        <v>131.79514689999999</v>
      </c>
    </row>
    <row r="307" spans="1:11" x14ac:dyDescent="0.15">
      <c r="A307" s="1" t="s">
        <v>1024</v>
      </c>
      <c r="B307" s="1" t="s">
        <v>1237</v>
      </c>
      <c r="C307" s="1"/>
      <c r="D307" s="1"/>
      <c r="E307" s="1"/>
      <c r="F307" s="1" t="s">
        <v>930</v>
      </c>
      <c r="G307" s="1" t="s">
        <v>1238</v>
      </c>
      <c r="H307" s="1" t="s">
        <v>931</v>
      </c>
      <c r="I307" s="1" t="s">
        <v>932</v>
      </c>
      <c r="J307" s="1">
        <v>34.354376700000003</v>
      </c>
      <c r="K307" s="1">
        <v>131.9350858</v>
      </c>
    </row>
    <row r="308" spans="1:11" x14ac:dyDescent="0.15">
      <c r="A308" s="1" t="s">
        <v>1024</v>
      </c>
      <c r="B308" s="1" t="s">
        <v>1239</v>
      </c>
      <c r="C308" s="1"/>
      <c r="D308" s="1"/>
      <c r="E308" s="1"/>
      <c r="F308" s="1" t="s">
        <v>930</v>
      </c>
      <c r="G308" s="1" t="s">
        <v>1238</v>
      </c>
      <c r="H308" s="1" t="s">
        <v>933</v>
      </c>
      <c r="I308" s="1" t="s">
        <v>83</v>
      </c>
      <c r="J308" s="1">
        <v>34.354376700000003</v>
      </c>
      <c r="K308" s="1">
        <v>131.9350858</v>
      </c>
    </row>
    <row r="309" spans="1:11" x14ac:dyDescent="0.15">
      <c r="A309" s="1" t="s">
        <v>1024</v>
      </c>
      <c r="B309" s="1" t="s">
        <v>1240</v>
      </c>
      <c r="C309" s="1"/>
      <c r="D309" s="1"/>
      <c r="E309" s="1"/>
      <c r="F309" s="1" t="s">
        <v>934</v>
      </c>
      <c r="G309" s="1" t="s">
        <v>935</v>
      </c>
      <c r="H309" s="1" t="s">
        <v>936</v>
      </c>
      <c r="I309" s="1" t="s">
        <v>937</v>
      </c>
      <c r="J309" s="1">
        <v>34.436749800000001</v>
      </c>
      <c r="K309" s="1">
        <v>131.86880840000001</v>
      </c>
    </row>
    <row r="310" spans="1:11" x14ac:dyDescent="0.15">
      <c r="A310" s="1" t="s">
        <v>1024</v>
      </c>
      <c r="B310" s="1" t="s">
        <v>1241</v>
      </c>
      <c r="C310" s="1"/>
      <c r="D310" s="1"/>
      <c r="E310" s="1"/>
      <c r="F310" s="1" t="s">
        <v>938</v>
      </c>
      <c r="G310" s="1" t="s">
        <v>1242</v>
      </c>
      <c r="H310" s="1" t="s">
        <v>939</v>
      </c>
      <c r="I310" s="1" t="s">
        <v>83</v>
      </c>
      <c r="J310" s="1">
        <v>34.3743798</v>
      </c>
      <c r="K310" s="1">
        <v>131.98711180000001</v>
      </c>
    </row>
    <row r="311" spans="1:11" x14ac:dyDescent="0.15">
      <c r="A311" s="1" t="s">
        <v>1024</v>
      </c>
      <c r="B311" s="1" t="s">
        <v>1243</v>
      </c>
      <c r="C311" s="1"/>
      <c r="D311" s="1"/>
      <c r="E311" s="1"/>
      <c r="F311" s="1" t="s">
        <v>940</v>
      </c>
      <c r="G311" s="1" t="s">
        <v>941</v>
      </c>
      <c r="H311" s="1" t="s">
        <v>942</v>
      </c>
      <c r="I311" s="1" t="s">
        <v>83</v>
      </c>
      <c r="J311" s="1">
        <v>34.370463700000002</v>
      </c>
      <c r="K311" s="1">
        <v>131.8939369</v>
      </c>
    </row>
    <row r="312" spans="1:11" x14ac:dyDescent="0.15">
      <c r="A312" s="1" t="s">
        <v>1024</v>
      </c>
      <c r="B312" s="1" t="s">
        <v>1244</v>
      </c>
      <c r="C312" s="1"/>
      <c r="D312" s="1"/>
      <c r="E312" s="1"/>
      <c r="F312" s="1" t="s">
        <v>943</v>
      </c>
      <c r="G312" s="1" t="s">
        <v>944</v>
      </c>
      <c r="H312" s="1" t="s">
        <v>945</v>
      </c>
      <c r="I312" s="1" t="s">
        <v>83</v>
      </c>
      <c r="J312" s="1">
        <v>34.388816499999997</v>
      </c>
      <c r="K312" s="1">
        <v>131.89070330000001</v>
      </c>
    </row>
    <row r="313" spans="1:11" x14ac:dyDescent="0.15">
      <c r="A313" s="1" t="s">
        <v>1025</v>
      </c>
      <c r="B313" s="1" t="s">
        <v>946</v>
      </c>
      <c r="C313" s="1"/>
      <c r="D313" s="1"/>
      <c r="E313" s="1"/>
      <c r="F313" s="1" t="s">
        <v>947</v>
      </c>
      <c r="G313" s="1" t="s">
        <v>1003</v>
      </c>
      <c r="H313" s="1" t="s">
        <v>1245</v>
      </c>
      <c r="I313" s="1" t="s">
        <v>948</v>
      </c>
      <c r="J313" s="1">
        <v>36.208252700000003</v>
      </c>
      <c r="K313" s="1">
        <v>133.325186</v>
      </c>
    </row>
    <row r="314" spans="1:11" x14ac:dyDescent="0.15">
      <c r="A314" s="1" t="s">
        <v>1025</v>
      </c>
      <c r="B314" s="1" t="s">
        <v>1192</v>
      </c>
      <c r="C314" s="1"/>
      <c r="D314" s="1"/>
      <c r="E314" s="1"/>
      <c r="F314" s="1" t="s">
        <v>949</v>
      </c>
      <c r="G314" s="1" t="s">
        <v>950</v>
      </c>
      <c r="H314" s="1" t="s">
        <v>951</v>
      </c>
      <c r="I314" s="1" t="s">
        <v>952</v>
      </c>
      <c r="J314" s="1">
        <v>36.293369300000002</v>
      </c>
      <c r="K314" s="1">
        <v>133.35242170000001</v>
      </c>
    </row>
    <row r="315" spans="1:11" x14ac:dyDescent="0.15">
      <c r="A315" s="1" t="s">
        <v>1025</v>
      </c>
      <c r="B315" s="1" t="s">
        <v>1246</v>
      </c>
      <c r="C315" s="1"/>
      <c r="D315" s="1"/>
      <c r="E315" s="1"/>
      <c r="F315" s="1" t="s">
        <v>953</v>
      </c>
      <c r="G315" s="1" t="s">
        <v>1247</v>
      </c>
      <c r="H315" s="1" t="s">
        <v>954</v>
      </c>
      <c r="I315" s="1" t="s">
        <v>955</v>
      </c>
      <c r="J315" s="1">
        <v>36.2854125</v>
      </c>
      <c r="K315" s="1">
        <v>133.23806250000001</v>
      </c>
    </row>
    <row r="316" spans="1:11" x14ac:dyDescent="0.15">
      <c r="A316" s="1" t="s">
        <v>1025</v>
      </c>
      <c r="B316" s="1" t="s">
        <v>1248</v>
      </c>
      <c r="C316" s="1"/>
      <c r="D316" s="1"/>
      <c r="E316" s="1"/>
      <c r="F316" s="1" t="s">
        <v>956</v>
      </c>
      <c r="G316" s="1" t="s">
        <v>957</v>
      </c>
      <c r="H316" s="1" t="s">
        <v>958</v>
      </c>
      <c r="I316" s="1" t="s">
        <v>959</v>
      </c>
      <c r="J316" s="1">
        <v>36.196544000000003</v>
      </c>
      <c r="K316" s="1">
        <v>133.2353713</v>
      </c>
    </row>
    <row r="317" spans="1:11" x14ac:dyDescent="0.15">
      <c r="A317" s="1" t="s">
        <v>998</v>
      </c>
      <c r="B317" s="1" t="s">
        <v>1237</v>
      </c>
      <c r="C317" s="1"/>
      <c r="D317" s="1"/>
      <c r="E317" s="1"/>
      <c r="F317" s="1" t="s">
        <v>960</v>
      </c>
      <c r="G317" s="1" t="s">
        <v>1249</v>
      </c>
      <c r="H317" s="1" t="s">
        <v>961</v>
      </c>
      <c r="I317" s="1" t="s">
        <v>962</v>
      </c>
      <c r="J317" s="1">
        <v>36.0968296</v>
      </c>
      <c r="K317" s="1">
        <v>133.09617560000001</v>
      </c>
    </row>
    <row r="318" spans="1:11" x14ac:dyDescent="0.15">
      <c r="A318" s="1" t="s">
        <v>999</v>
      </c>
      <c r="B318" s="1" t="s">
        <v>963</v>
      </c>
      <c r="C318" s="1"/>
      <c r="D318" s="1"/>
      <c r="E318" s="1"/>
      <c r="F318" s="1" t="s">
        <v>964</v>
      </c>
      <c r="G318" s="1" t="s">
        <v>965</v>
      </c>
      <c r="H318" s="1" t="s">
        <v>966</v>
      </c>
      <c r="I318" s="1" t="s">
        <v>967</v>
      </c>
      <c r="J318" s="1">
        <v>36.091979600000002</v>
      </c>
      <c r="K318" s="1">
        <v>132.99376699999999</v>
      </c>
    </row>
    <row r="319" spans="1:11" x14ac:dyDescent="0.15">
      <c r="A319" s="1" t="s">
        <v>999</v>
      </c>
      <c r="B319" s="1" t="s">
        <v>968</v>
      </c>
      <c r="C319" s="1"/>
      <c r="D319" s="1"/>
      <c r="E319" s="1"/>
      <c r="F319" s="1" t="s">
        <v>969</v>
      </c>
      <c r="G319" s="1" t="s">
        <v>1250</v>
      </c>
      <c r="H319" s="1" t="s">
        <v>970</v>
      </c>
      <c r="I319" s="1" t="s">
        <v>971</v>
      </c>
      <c r="J319" s="1">
        <v>36.110401500000002</v>
      </c>
      <c r="K319" s="1">
        <v>133.04044060000001</v>
      </c>
    </row>
    <row r="320" spans="1:11" x14ac:dyDescent="0.15">
      <c r="A320" s="1" t="s">
        <v>1000</v>
      </c>
      <c r="B320" s="1" t="s">
        <v>1251</v>
      </c>
      <c r="C320" s="1"/>
      <c r="D320" s="1"/>
      <c r="E320" s="1"/>
      <c r="F320" s="1" t="s">
        <v>972</v>
      </c>
      <c r="G320" s="1" t="s">
        <v>1252</v>
      </c>
      <c r="H320" s="1" t="s">
        <v>973</v>
      </c>
      <c r="I320" s="1" t="s">
        <v>974</v>
      </c>
      <c r="J320" s="1">
        <v>36.013931499999998</v>
      </c>
      <c r="K320" s="1">
        <v>133.0393856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西村　　睦</dc:creator>
  <cp:lastModifiedBy>s00150</cp:lastModifiedBy>
  <cp:lastPrinted>2017-02-08T03:02:12Z</cp:lastPrinted>
  <dcterms:created xsi:type="dcterms:W3CDTF">2014-01-08T06:18:49Z</dcterms:created>
  <dcterms:modified xsi:type="dcterms:W3CDTF">2017-03-17T01:13:20Z</dcterms:modified>
</cp:coreProperties>
</file>